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hidePivotFieldList="1"/>
  <mc:AlternateContent xmlns:mc="http://schemas.openxmlformats.org/markup-compatibility/2006">
    <mc:Choice Requires="x15">
      <x15ac:absPath xmlns:x15ac="http://schemas.microsoft.com/office/spreadsheetml/2010/11/ac" url="\\jsb16vpro01\Redirect$\i0160009\Desktop\水曜日0時まで保存\ワクチン\"/>
    </mc:Choice>
  </mc:AlternateContent>
  <bookViews>
    <workbookView xWindow="0" yWindow="0" windowWidth="20490" windowHeight="7530"/>
  </bookViews>
  <sheets>
    <sheet name="接種確認リスト【入所・居住者】" sheetId="10" r:id="rId1"/>
    <sheet name="記入例" sheetId="11" r:id="rId2"/>
    <sheet name="団体コード" sheetId="5" state="hidden" r:id="rId3"/>
    <sheet name="都道府県リスト" sheetId="3" state="hidden" r:id="rId4"/>
  </sheets>
  <definedNames>
    <definedName name="_xlnm.Print_Area" localSheetId="1">記入例!$A$1:$AD$34</definedName>
    <definedName name="_xlnm.Print_Area" localSheetId="0">接種確認リスト【入所・居住者】!$A$1:$AD$34</definedName>
    <definedName name="_xlnm.Print_Titles" localSheetId="1">記入例!$3:$4</definedName>
    <definedName name="_xlnm.Print_Titles" localSheetId="0">接種確認リスト【入所・居住者】!$3:$4</definedName>
    <definedName name="愛知県">都道府県リスト!$W$3:$W$181</definedName>
    <definedName name="愛媛県">都道府県リスト!$AL$3:$AL$181</definedName>
    <definedName name="茨城県">都道府県リスト!$H$3:$H$181</definedName>
    <definedName name="岡山県">都道府県リスト!$AG$3:$AG$181</definedName>
    <definedName name="沖縄県">都道府県リスト!$AU$3:$AU$181</definedName>
    <definedName name="岩手県">都道府県リスト!$C$3:$C$181</definedName>
    <definedName name="岐阜県">都道府県リスト!$U$3:$U$181</definedName>
    <definedName name="宮崎県">都道府県リスト!$AS$3:$AS$181</definedName>
    <definedName name="宮城県">都道府県リスト!$D$3:$D$181</definedName>
    <definedName name="京都府">都道府県リスト!$Z$3:$Z$181</definedName>
    <definedName name="熊本県">都道府県リスト!$AQ$3:$AQ$181</definedName>
    <definedName name="群馬県">都道府県リスト!$J$3:$J$181</definedName>
    <definedName name="広島県">都道府県リスト!$AH$3:$AH$181</definedName>
    <definedName name="香川県">都道府県リスト!$AK$3:$AK$181</definedName>
    <definedName name="高知県">都道府県リスト!$AM$3:$AM$181</definedName>
    <definedName name="佐賀県">都道府県リスト!$AO$3:$AO$181</definedName>
    <definedName name="埼玉県">都道府県リスト!$K$3:$K$181</definedName>
    <definedName name="三重県">都道府県リスト!$X$3:$X$181</definedName>
    <definedName name="山形県">都道府県リスト!$F$3:$F$181</definedName>
    <definedName name="山口県">都道府県リスト!$AI$3:$AI$181</definedName>
    <definedName name="山梨県">都道府県リスト!$S$3:$S$181</definedName>
    <definedName name="滋賀県">都道府県リスト!$Y$3:$Y$181</definedName>
    <definedName name="鹿児島県">都道府県リスト!$AT$3:$AT$181</definedName>
    <definedName name="秋田県">都道府県リスト!$E$3:$E$181</definedName>
    <definedName name="新潟県">都道府県リスト!$O$3:$O$181</definedName>
    <definedName name="神奈川県">都道府県リスト!$N$3:$N$181</definedName>
    <definedName name="青森県">都道府県リスト!$B$3:$B$181</definedName>
    <definedName name="静岡県">都道府県リスト!$V$3:$V$181</definedName>
    <definedName name="石川県">都道府県リスト!$Q$3:$Q$181</definedName>
    <definedName name="千葉県">都道府県リスト!$L$3:$L$181</definedName>
    <definedName name="大阪府">都道府県リスト!$AA$3:$AA$181</definedName>
    <definedName name="大分県">都道府県リスト!$AR$3:$AR$181</definedName>
    <definedName name="長崎県">都道府県リスト!$AP$3:$AP$181</definedName>
    <definedName name="長野県">都道府県リスト!$T$3:$T$181</definedName>
    <definedName name="鳥取県">都道府県リスト!$AE$3:$AE$181</definedName>
    <definedName name="都道府県">都道府県リスト!$A$2:$AU$2</definedName>
    <definedName name="島根県">都道府県リスト!$AF$3:$AF$181</definedName>
    <definedName name="東京都">都道府県リスト!$M$3:$M$181</definedName>
    <definedName name="徳島県">都道府県リスト!$AJ$3:$AJ$181</definedName>
    <definedName name="栃木県">都道府県リスト!$I$3:$I$181</definedName>
    <definedName name="奈良県">都道府県リスト!$AC$3:$AC$181</definedName>
    <definedName name="富山県">都道府県リスト!$P$3:$P$181</definedName>
    <definedName name="福井県">都道府県リスト!$R$3:$R$181</definedName>
    <definedName name="福岡県">都道府県リスト!$AN$3:$AN$181</definedName>
    <definedName name="福島県">都道府県リスト!$G$3:$G$181</definedName>
    <definedName name="兵庫県">都道府県リスト!$AB$3:$AB$181</definedName>
    <definedName name="北海道">都道府県リスト!$A$3:$A$181</definedName>
    <definedName name="和歌山県">都道府県リスト!$AD$3:$AD$18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6" i="10" l="1"/>
  <c r="G7" i="10"/>
  <c r="G8" i="10"/>
  <c r="G9" i="10"/>
  <c r="G10" i="10"/>
  <c r="G11" i="10"/>
  <c r="G12" i="10"/>
  <c r="G13" i="10"/>
  <c r="G14" i="10"/>
  <c r="G15" i="10"/>
  <c r="G16" i="10"/>
  <c r="G17" i="10"/>
  <c r="G18" i="10"/>
  <c r="G19" i="10"/>
  <c r="G20" i="10"/>
  <c r="G21" i="10"/>
  <c r="G22" i="10"/>
  <c r="G23" i="10"/>
  <c r="G24" i="10"/>
  <c r="G25" i="10"/>
  <c r="G26" i="10"/>
  <c r="G27" i="10"/>
  <c r="G28" i="10"/>
  <c r="G29" i="10"/>
  <c r="G30" i="10"/>
  <c r="G31" i="10"/>
  <c r="G32" i="10"/>
  <c r="G33" i="10"/>
  <c r="G34" i="10"/>
  <c r="G5" i="10"/>
  <c r="G204" i="11" l="1"/>
  <c r="G203" i="11"/>
  <c r="G202" i="11"/>
  <c r="G201" i="11"/>
  <c r="G200" i="11"/>
  <c r="G199" i="11"/>
  <c r="G198" i="11"/>
  <c r="G197" i="11"/>
  <c r="G196" i="11"/>
  <c r="G195" i="11"/>
  <c r="G194" i="11"/>
  <c r="G193" i="11"/>
  <c r="G192" i="11"/>
  <c r="G191" i="11"/>
  <c r="G190" i="11"/>
  <c r="G189" i="11"/>
  <c r="G188" i="11"/>
  <c r="G187" i="11"/>
  <c r="G186" i="11"/>
  <c r="G185" i="11"/>
  <c r="G184" i="11"/>
  <c r="G183" i="11"/>
  <c r="G182" i="11"/>
  <c r="G181" i="11"/>
  <c r="G180" i="11"/>
  <c r="G179" i="11"/>
  <c r="G178" i="11"/>
  <c r="G177" i="11"/>
  <c r="G176" i="11"/>
  <c r="G175" i="11"/>
  <c r="G174" i="11"/>
  <c r="G173" i="11"/>
  <c r="G172" i="11"/>
  <c r="G171" i="11"/>
  <c r="G170" i="11"/>
  <c r="G169" i="11"/>
  <c r="G168" i="11"/>
  <c r="G167" i="11"/>
  <c r="G166" i="11"/>
  <c r="G165" i="11"/>
  <c r="G164" i="11"/>
  <c r="G163" i="11"/>
  <c r="G162" i="11"/>
  <c r="G161" i="11"/>
  <c r="G160" i="11"/>
  <c r="G159" i="11"/>
  <c r="G158" i="11"/>
  <c r="G157" i="11"/>
  <c r="G156" i="11"/>
  <c r="G155" i="11"/>
  <c r="G154" i="11"/>
  <c r="G153" i="11"/>
  <c r="G152" i="11"/>
  <c r="G151" i="11"/>
  <c r="G150" i="11"/>
  <c r="G149" i="11"/>
  <c r="G148" i="11"/>
  <c r="G147" i="11"/>
  <c r="G146" i="11"/>
  <c r="G145" i="11"/>
  <c r="G144" i="11"/>
  <c r="G143" i="11"/>
  <c r="G142" i="11"/>
  <c r="G141" i="11"/>
  <c r="G140" i="11"/>
  <c r="G139" i="11"/>
  <c r="G138" i="11"/>
  <c r="G137" i="11"/>
  <c r="G136" i="11"/>
  <c r="G135" i="11"/>
  <c r="G134" i="11"/>
  <c r="G133" i="11"/>
  <c r="G132" i="11"/>
  <c r="G131" i="11"/>
  <c r="G130" i="11"/>
  <c r="G129" i="11"/>
  <c r="G128" i="11"/>
  <c r="G127" i="11"/>
  <c r="G126" i="11"/>
  <c r="G125" i="11"/>
  <c r="G124" i="11"/>
  <c r="G123" i="11"/>
  <c r="G122" i="11"/>
  <c r="G121" i="11"/>
  <c r="G120" i="11"/>
  <c r="G119" i="11"/>
  <c r="G118" i="11"/>
  <c r="G117" i="11"/>
  <c r="G116" i="11"/>
  <c r="G115" i="11"/>
  <c r="G114" i="11"/>
  <c r="G113" i="11"/>
  <c r="G112" i="11"/>
  <c r="G111" i="11"/>
  <c r="G110" i="11"/>
  <c r="G109" i="11"/>
  <c r="G108" i="11"/>
  <c r="G107" i="11"/>
  <c r="G106" i="11"/>
  <c r="G105" i="11"/>
  <c r="G104" i="11"/>
  <c r="G103" i="11"/>
  <c r="G102" i="11"/>
  <c r="G101" i="11"/>
  <c r="G100" i="11"/>
  <c r="G99" i="11"/>
  <c r="G98" i="11"/>
  <c r="G97" i="11"/>
  <c r="G96" i="11"/>
  <c r="G95" i="11"/>
  <c r="G94" i="11"/>
  <c r="G93" i="11"/>
  <c r="G92" i="11"/>
  <c r="G91" i="11"/>
  <c r="G90" i="11"/>
  <c r="G89" i="11"/>
  <c r="G88" i="11"/>
  <c r="G87" i="11"/>
  <c r="G86" i="11"/>
  <c r="G85" i="11"/>
  <c r="G84" i="11"/>
  <c r="G83" i="11"/>
  <c r="G82" i="11"/>
  <c r="G81" i="11"/>
  <c r="G80" i="11"/>
  <c r="G79" i="11"/>
  <c r="G78" i="11"/>
  <c r="G77" i="11"/>
  <c r="G76" i="11"/>
  <c r="G75" i="11"/>
  <c r="G74" i="11"/>
  <c r="G73" i="11"/>
  <c r="G72" i="11"/>
  <c r="G71" i="11"/>
  <c r="G70" i="11"/>
  <c r="G69" i="11"/>
  <c r="G68" i="11"/>
  <c r="G67" i="11"/>
  <c r="G66" i="11"/>
  <c r="G65" i="11"/>
  <c r="G64" i="11"/>
  <c r="G63" i="11"/>
  <c r="G62" i="11"/>
  <c r="G61" i="11"/>
  <c r="G60" i="11"/>
  <c r="G59" i="11"/>
  <c r="G58" i="11"/>
  <c r="G57" i="11"/>
  <c r="G56" i="11"/>
  <c r="G55" i="11"/>
  <c r="G54" i="11"/>
  <c r="G53" i="11"/>
  <c r="G52" i="11"/>
  <c r="G51" i="11"/>
  <c r="G50" i="11"/>
  <c r="G49" i="11"/>
  <c r="G48" i="11"/>
  <c r="G47" i="11"/>
  <c r="G46" i="11"/>
  <c r="G45" i="11"/>
  <c r="G44" i="11"/>
  <c r="G43" i="11"/>
  <c r="G42" i="11"/>
  <c r="G41" i="11"/>
  <c r="G40" i="11"/>
  <c r="G39" i="11"/>
  <c r="G38" i="11"/>
  <c r="G37" i="11"/>
  <c r="G36" i="11"/>
  <c r="G35" i="11"/>
  <c r="G34" i="11"/>
  <c r="G33" i="11"/>
  <c r="G32" i="11"/>
  <c r="G31" i="11"/>
  <c r="G30" i="11"/>
  <c r="G29" i="11"/>
  <c r="G28" i="11"/>
  <c r="G27" i="11"/>
  <c r="G26" i="11"/>
  <c r="G25" i="11"/>
  <c r="G24" i="11"/>
  <c r="G23" i="11"/>
  <c r="G22" i="11"/>
  <c r="G21" i="11"/>
  <c r="G20" i="11"/>
  <c r="G19" i="11"/>
  <c r="G18" i="11"/>
  <c r="G17" i="11"/>
  <c r="G16" i="11"/>
  <c r="G15" i="11"/>
  <c r="G14" i="11"/>
  <c r="G13" i="11"/>
  <c r="G12" i="11"/>
  <c r="G11" i="11"/>
  <c r="G10" i="11"/>
  <c r="G9" i="11"/>
  <c r="G8" i="11"/>
  <c r="G5" i="11"/>
  <c r="AR3" i="10" l="1"/>
  <c r="AR9" i="10"/>
  <c r="AR8" i="10"/>
  <c r="AR7" i="10"/>
  <c r="AR6" i="10"/>
  <c r="AR4" i="10"/>
  <c r="AR5" i="10"/>
</calcChain>
</file>

<file path=xl/sharedStrings.xml><?xml version="1.0" encoding="utf-8"?>
<sst xmlns="http://schemas.openxmlformats.org/spreadsheetml/2006/main" count="5470" uniqueCount="5387">
  <si>
    <t>北海道</t>
  </si>
  <si>
    <t>札幌市</t>
  </si>
  <si>
    <t>函館市</t>
  </si>
  <si>
    <t>小樽市</t>
  </si>
  <si>
    <t>旭川市</t>
  </si>
  <si>
    <t>室蘭市</t>
  </si>
  <si>
    <t>釧路市</t>
  </si>
  <si>
    <t>帯広市</t>
  </si>
  <si>
    <t>北見市</t>
  </si>
  <si>
    <t>夕張市</t>
  </si>
  <si>
    <t>岩見沢市</t>
  </si>
  <si>
    <t>網走市</t>
  </si>
  <si>
    <t>留萌市</t>
  </si>
  <si>
    <t>苫小牧市</t>
  </si>
  <si>
    <t>稚内市</t>
  </si>
  <si>
    <t>美唄市</t>
  </si>
  <si>
    <t>芦別市</t>
  </si>
  <si>
    <t>江別市</t>
  </si>
  <si>
    <t>赤平市</t>
  </si>
  <si>
    <t>紋別市</t>
  </si>
  <si>
    <t>士別市</t>
  </si>
  <si>
    <t>名寄市</t>
  </si>
  <si>
    <t>三笠市</t>
  </si>
  <si>
    <t>根室市</t>
  </si>
  <si>
    <t>千歳市</t>
  </si>
  <si>
    <t>滝川市</t>
  </si>
  <si>
    <t>砂川市</t>
  </si>
  <si>
    <t>歌志内市</t>
  </si>
  <si>
    <t>深川市</t>
  </si>
  <si>
    <t>富良野市</t>
  </si>
  <si>
    <t>登別市</t>
  </si>
  <si>
    <t>恵庭市</t>
  </si>
  <si>
    <t>伊達市</t>
  </si>
  <si>
    <t>北広島市</t>
  </si>
  <si>
    <t>石狩市</t>
  </si>
  <si>
    <t>北斗市</t>
  </si>
  <si>
    <t>当別町</t>
  </si>
  <si>
    <t>新篠津村</t>
  </si>
  <si>
    <t>松前町</t>
  </si>
  <si>
    <t>福島町</t>
  </si>
  <si>
    <t>知内町</t>
  </si>
  <si>
    <t>木古内町</t>
  </si>
  <si>
    <t>七飯町</t>
  </si>
  <si>
    <t>鹿部町</t>
  </si>
  <si>
    <t>森町</t>
  </si>
  <si>
    <t>八雲町</t>
  </si>
  <si>
    <t>長万部町</t>
  </si>
  <si>
    <t>江差町</t>
  </si>
  <si>
    <t>上ノ国町</t>
  </si>
  <si>
    <t>厚沢部町</t>
  </si>
  <si>
    <t>乙部町</t>
  </si>
  <si>
    <t>奥尻町</t>
  </si>
  <si>
    <t>今金町</t>
  </si>
  <si>
    <t>せたな町</t>
  </si>
  <si>
    <t>島牧村</t>
  </si>
  <si>
    <t>寿都町</t>
  </si>
  <si>
    <t>黒松内町</t>
  </si>
  <si>
    <t>蘭越町</t>
  </si>
  <si>
    <t>ニセコ町</t>
  </si>
  <si>
    <t>真狩村</t>
  </si>
  <si>
    <t>留寿都村</t>
  </si>
  <si>
    <t>喜茂別町</t>
  </si>
  <si>
    <t>京極町</t>
  </si>
  <si>
    <t>倶知安町</t>
  </si>
  <si>
    <t>共和町</t>
  </si>
  <si>
    <t>岩内町</t>
  </si>
  <si>
    <t>泊村</t>
  </si>
  <si>
    <t>神恵内村</t>
  </si>
  <si>
    <t>積丹町</t>
  </si>
  <si>
    <t>古平町</t>
  </si>
  <si>
    <t>仁木町</t>
  </si>
  <si>
    <t>余市町</t>
  </si>
  <si>
    <t>赤井川村</t>
  </si>
  <si>
    <t>南幌町</t>
  </si>
  <si>
    <t>奈井江町</t>
  </si>
  <si>
    <t>上砂川町</t>
  </si>
  <si>
    <t>由仁町</t>
  </si>
  <si>
    <t>長沼町</t>
  </si>
  <si>
    <t>栗山町</t>
  </si>
  <si>
    <t>月形町</t>
  </si>
  <si>
    <t>浦臼町</t>
  </si>
  <si>
    <t>新十津川町</t>
  </si>
  <si>
    <t>妹背牛町</t>
  </si>
  <si>
    <t>秩父別町</t>
  </si>
  <si>
    <t>雨竜町</t>
  </si>
  <si>
    <t>北竜町</t>
  </si>
  <si>
    <t>沼田町</t>
  </si>
  <si>
    <t>鷹栖町</t>
  </si>
  <si>
    <t>東神楽町</t>
  </si>
  <si>
    <t>当麻町</t>
  </si>
  <si>
    <t>比布町</t>
  </si>
  <si>
    <t>愛別町</t>
  </si>
  <si>
    <t>上川町</t>
  </si>
  <si>
    <t>東川町</t>
  </si>
  <si>
    <t>美瑛町</t>
  </si>
  <si>
    <t>上富良野町</t>
  </si>
  <si>
    <t>中富良野町</t>
  </si>
  <si>
    <t>南富良野町</t>
  </si>
  <si>
    <t>占冠村</t>
  </si>
  <si>
    <t>和寒町</t>
  </si>
  <si>
    <t>剣淵町</t>
  </si>
  <si>
    <t>下川町</t>
  </si>
  <si>
    <t>美深町</t>
  </si>
  <si>
    <t>音威子府村</t>
  </si>
  <si>
    <t>中川町</t>
  </si>
  <si>
    <t>幌加内町</t>
  </si>
  <si>
    <t>増毛町</t>
  </si>
  <si>
    <t>小平町</t>
  </si>
  <si>
    <t>苫前町</t>
  </si>
  <si>
    <t>羽幌町</t>
  </si>
  <si>
    <t>初山別村</t>
  </si>
  <si>
    <t>遠別町</t>
  </si>
  <si>
    <t>天塩町</t>
  </si>
  <si>
    <t>猿払村</t>
  </si>
  <si>
    <t>浜頓別町</t>
  </si>
  <si>
    <t>中頓別町</t>
  </si>
  <si>
    <t>枝幸町</t>
  </si>
  <si>
    <t>豊富町</t>
  </si>
  <si>
    <t>礼文町</t>
  </si>
  <si>
    <t>利尻町</t>
  </si>
  <si>
    <t>利尻富士町</t>
  </si>
  <si>
    <t>幌延町</t>
  </si>
  <si>
    <t>美幌町</t>
  </si>
  <si>
    <t>津別町</t>
  </si>
  <si>
    <t>斜里町</t>
  </si>
  <si>
    <t>清里町</t>
  </si>
  <si>
    <t>小清水町</t>
  </si>
  <si>
    <t>訓子府町</t>
  </si>
  <si>
    <t>置戸町</t>
  </si>
  <si>
    <t>佐呂間町</t>
  </si>
  <si>
    <t>遠軽町</t>
  </si>
  <si>
    <t>湧別町</t>
  </si>
  <si>
    <t>滝上町</t>
  </si>
  <si>
    <t>興部町</t>
  </si>
  <si>
    <t>西興部村</t>
  </si>
  <si>
    <t>雄武町</t>
  </si>
  <si>
    <t>大空町</t>
  </si>
  <si>
    <t>豊浦町</t>
  </si>
  <si>
    <t>壮瞥町</t>
  </si>
  <si>
    <t>白老町</t>
  </si>
  <si>
    <t>厚真町</t>
  </si>
  <si>
    <t>洞爺湖町</t>
  </si>
  <si>
    <t>安平町</t>
  </si>
  <si>
    <t>むかわ町</t>
  </si>
  <si>
    <t>日高町</t>
  </si>
  <si>
    <t>平取町</t>
  </si>
  <si>
    <t>新冠町</t>
  </si>
  <si>
    <t>浦河町</t>
  </si>
  <si>
    <t>様似町</t>
  </si>
  <si>
    <t>えりも町</t>
  </si>
  <si>
    <t>新ひだか町</t>
  </si>
  <si>
    <t>音更町</t>
  </si>
  <si>
    <t>士幌町</t>
  </si>
  <si>
    <t>上士幌町</t>
  </si>
  <si>
    <t>鹿追町</t>
  </si>
  <si>
    <t>新得町</t>
  </si>
  <si>
    <t>清水町</t>
  </si>
  <si>
    <t>芽室町</t>
  </si>
  <si>
    <t>中札内村</t>
  </si>
  <si>
    <t>更別村</t>
  </si>
  <si>
    <t>大樹町</t>
  </si>
  <si>
    <t>広尾町</t>
  </si>
  <si>
    <t>幕別町</t>
  </si>
  <si>
    <t>池田町</t>
  </si>
  <si>
    <t>豊頃町</t>
  </si>
  <si>
    <t>本別町</t>
  </si>
  <si>
    <t>足寄町</t>
  </si>
  <si>
    <t>陸別町</t>
  </si>
  <si>
    <t>浦幌町</t>
  </si>
  <si>
    <t>釧路町</t>
  </si>
  <si>
    <t>厚岸町</t>
  </si>
  <si>
    <t>浜中町</t>
  </si>
  <si>
    <t>標茶町</t>
  </si>
  <si>
    <t>弟子屈町</t>
  </si>
  <si>
    <t>鶴居村</t>
  </si>
  <si>
    <t>白糠町</t>
  </si>
  <si>
    <t>別海町</t>
  </si>
  <si>
    <t>中標津町</t>
  </si>
  <si>
    <t>標津町</t>
  </si>
  <si>
    <t>羅臼町</t>
  </si>
  <si>
    <t>青森県</t>
  </si>
  <si>
    <t>青森市</t>
  </si>
  <si>
    <t>弘前市</t>
  </si>
  <si>
    <t>八戸市</t>
  </si>
  <si>
    <t>黒石市</t>
  </si>
  <si>
    <t>五所川原市</t>
  </si>
  <si>
    <t>十和田市</t>
  </si>
  <si>
    <t>三沢市</t>
  </si>
  <si>
    <t>むつ市</t>
  </si>
  <si>
    <t>つがる市</t>
  </si>
  <si>
    <t>平川市</t>
  </si>
  <si>
    <t>平内町</t>
  </si>
  <si>
    <t>今別町</t>
  </si>
  <si>
    <t>蓬田村</t>
  </si>
  <si>
    <t>外ヶ浜町</t>
  </si>
  <si>
    <t>鰺ヶ沢町</t>
  </si>
  <si>
    <t>深浦町</t>
  </si>
  <si>
    <t>西目屋村</t>
  </si>
  <si>
    <t>藤崎町</t>
  </si>
  <si>
    <t>大鰐町</t>
  </si>
  <si>
    <t>田舎館村</t>
  </si>
  <si>
    <t>板柳町</t>
  </si>
  <si>
    <t>鶴田町</t>
  </si>
  <si>
    <t>中泊町</t>
  </si>
  <si>
    <t>野辺地町</t>
  </si>
  <si>
    <t>七戸町</t>
  </si>
  <si>
    <t>六戸町</t>
  </si>
  <si>
    <t>横浜町</t>
  </si>
  <si>
    <t>東北町</t>
  </si>
  <si>
    <t>六ヶ所村</t>
  </si>
  <si>
    <t>おいらせ町</t>
  </si>
  <si>
    <t>大間町</t>
  </si>
  <si>
    <t>東通村</t>
  </si>
  <si>
    <t>風間浦村</t>
  </si>
  <si>
    <t>佐井村</t>
  </si>
  <si>
    <t>三戸町</t>
  </si>
  <si>
    <t>五戸町</t>
  </si>
  <si>
    <t>田子町</t>
  </si>
  <si>
    <t>南部町</t>
  </si>
  <si>
    <t>階上町</t>
  </si>
  <si>
    <t>新郷村</t>
  </si>
  <si>
    <t>岩手県</t>
  </si>
  <si>
    <t>盛岡市</t>
  </si>
  <si>
    <t>宮古市</t>
  </si>
  <si>
    <t>大船渡市</t>
  </si>
  <si>
    <t>花巻市</t>
  </si>
  <si>
    <t>北上市</t>
  </si>
  <si>
    <t>久慈市</t>
  </si>
  <si>
    <t>遠野市</t>
  </si>
  <si>
    <t>一関市</t>
  </si>
  <si>
    <t>陸前高田市</t>
  </si>
  <si>
    <t>釜石市</t>
  </si>
  <si>
    <t>二戸市</t>
  </si>
  <si>
    <t>八幡平市</t>
  </si>
  <si>
    <t>奥州市</t>
  </si>
  <si>
    <t>滝沢市</t>
    <rPh sb="2" eb="3">
      <t>シ</t>
    </rPh>
    <phoneticPr fontId="1"/>
  </si>
  <si>
    <t>雫石町</t>
  </si>
  <si>
    <t>葛巻町</t>
  </si>
  <si>
    <t>岩手町</t>
  </si>
  <si>
    <t>紫波町</t>
  </si>
  <si>
    <t>矢巾町</t>
  </si>
  <si>
    <t>西和賀町</t>
  </si>
  <si>
    <t>金ケ崎町</t>
  </si>
  <si>
    <t>平泉町</t>
  </si>
  <si>
    <t>住田町</t>
  </si>
  <si>
    <t>大槌町</t>
  </si>
  <si>
    <t>山田町</t>
  </si>
  <si>
    <t>岩泉町</t>
  </si>
  <si>
    <t>田野畑村</t>
  </si>
  <si>
    <t>普代村</t>
  </si>
  <si>
    <t>軽米町</t>
  </si>
  <si>
    <t>野田村</t>
  </si>
  <si>
    <t>九戸村</t>
  </si>
  <si>
    <t>洋野町</t>
  </si>
  <si>
    <t>一戸町</t>
  </si>
  <si>
    <t>宮城県</t>
  </si>
  <si>
    <t>仙台市</t>
  </si>
  <si>
    <t>石巻市</t>
  </si>
  <si>
    <t>塩竈市</t>
  </si>
  <si>
    <t>気仙沼市</t>
  </si>
  <si>
    <t>白石市</t>
  </si>
  <si>
    <t>名取市</t>
  </si>
  <si>
    <t>角田市</t>
  </si>
  <si>
    <t>多賀城市</t>
  </si>
  <si>
    <t>岩沼市</t>
  </si>
  <si>
    <t>登米市</t>
  </si>
  <si>
    <t>栗原市</t>
  </si>
  <si>
    <t>東松島市</t>
  </si>
  <si>
    <t>大崎市</t>
  </si>
  <si>
    <t>富谷市</t>
    <rPh sb="2" eb="3">
      <t>シ</t>
    </rPh>
    <phoneticPr fontId="1"/>
  </si>
  <si>
    <t>蔵王町</t>
  </si>
  <si>
    <t>七ヶ宿町</t>
  </si>
  <si>
    <t>大河原町</t>
  </si>
  <si>
    <t>村田町</t>
  </si>
  <si>
    <t>柴田町</t>
  </si>
  <si>
    <t>川崎町</t>
  </si>
  <si>
    <t>丸森町</t>
  </si>
  <si>
    <t>亘理町</t>
  </si>
  <si>
    <t>山元町</t>
  </si>
  <si>
    <t>松島町</t>
  </si>
  <si>
    <t>七ヶ浜町</t>
  </si>
  <si>
    <t>利府町</t>
  </si>
  <si>
    <t>大和町</t>
  </si>
  <si>
    <t>大郷町</t>
  </si>
  <si>
    <t>大衡村</t>
  </si>
  <si>
    <t>色麻町</t>
  </si>
  <si>
    <t>加美町</t>
  </si>
  <si>
    <t>涌谷町</t>
  </si>
  <si>
    <t>美里町</t>
  </si>
  <si>
    <t>女川町</t>
  </si>
  <si>
    <t>南三陸町</t>
  </si>
  <si>
    <t>秋田県</t>
  </si>
  <si>
    <t>秋田市</t>
  </si>
  <si>
    <t>能代市</t>
  </si>
  <si>
    <t>横手市</t>
  </si>
  <si>
    <t>大館市</t>
  </si>
  <si>
    <t>男鹿市</t>
  </si>
  <si>
    <t>湯沢市</t>
  </si>
  <si>
    <t>鹿角市</t>
  </si>
  <si>
    <t>由利本荘市</t>
  </si>
  <si>
    <t>潟上市</t>
  </si>
  <si>
    <t>大仙市</t>
  </si>
  <si>
    <t>北秋田市</t>
  </si>
  <si>
    <t>にかほ市</t>
  </si>
  <si>
    <t>仙北市</t>
  </si>
  <si>
    <t>小坂町</t>
  </si>
  <si>
    <t>上小阿仁村</t>
  </si>
  <si>
    <t>藤里町</t>
  </si>
  <si>
    <t>三種町</t>
  </si>
  <si>
    <t>八峰町</t>
  </si>
  <si>
    <t>五城目町</t>
  </si>
  <si>
    <t>八郎潟町</t>
  </si>
  <si>
    <t>井川町</t>
  </si>
  <si>
    <t>大潟村</t>
  </si>
  <si>
    <t>美郷町</t>
  </si>
  <si>
    <t>羽後町</t>
  </si>
  <si>
    <t>東成瀬村</t>
  </si>
  <si>
    <t>山形県</t>
  </si>
  <si>
    <t>山形市</t>
  </si>
  <si>
    <t>米沢市</t>
  </si>
  <si>
    <t>鶴岡市</t>
  </si>
  <si>
    <t>酒田市</t>
  </si>
  <si>
    <t>新庄市</t>
  </si>
  <si>
    <t>寒河江市</t>
  </si>
  <si>
    <t>上山市</t>
  </si>
  <si>
    <t>村山市</t>
  </si>
  <si>
    <t>長井市</t>
  </si>
  <si>
    <t>天童市</t>
  </si>
  <si>
    <t>東根市</t>
  </si>
  <si>
    <t>尾花沢市</t>
  </si>
  <si>
    <t>南陽市</t>
  </si>
  <si>
    <t>山辺町</t>
  </si>
  <si>
    <t>中山町</t>
  </si>
  <si>
    <t>河北町</t>
  </si>
  <si>
    <t>西川町</t>
  </si>
  <si>
    <t>朝日町</t>
  </si>
  <si>
    <t>大江町</t>
  </si>
  <si>
    <t>大石田町</t>
  </si>
  <si>
    <t>金山町</t>
  </si>
  <si>
    <t>最上町</t>
  </si>
  <si>
    <t>舟形町</t>
  </si>
  <si>
    <t>真室川町</t>
  </si>
  <si>
    <t>大蔵村</t>
  </si>
  <si>
    <t>鮭川村</t>
  </si>
  <si>
    <t>戸沢村</t>
  </si>
  <si>
    <t>高畠町</t>
  </si>
  <si>
    <t>川西町</t>
  </si>
  <si>
    <t>小国町</t>
  </si>
  <si>
    <t>白鷹町</t>
  </si>
  <si>
    <t>飯豊町</t>
  </si>
  <si>
    <t>三川町</t>
  </si>
  <si>
    <t>庄内町</t>
  </si>
  <si>
    <t>遊佐町</t>
  </si>
  <si>
    <t>福島県</t>
  </si>
  <si>
    <t>福島市</t>
  </si>
  <si>
    <t>会津若松市</t>
  </si>
  <si>
    <t>郡山市</t>
  </si>
  <si>
    <t>いわき市</t>
  </si>
  <si>
    <t>白河市</t>
  </si>
  <si>
    <t>須賀川市</t>
  </si>
  <si>
    <t>喜多方市</t>
  </si>
  <si>
    <t>相馬市</t>
  </si>
  <si>
    <t>二本松市</t>
  </si>
  <si>
    <t>田村市</t>
  </si>
  <si>
    <t>南相馬市</t>
  </si>
  <si>
    <t>本宮市</t>
  </si>
  <si>
    <t>桑折町</t>
  </si>
  <si>
    <t>国見町</t>
  </si>
  <si>
    <t>川俣町</t>
  </si>
  <si>
    <t>大玉村</t>
  </si>
  <si>
    <t>鏡石町</t>
  </si>
  <si>
    <t>天栄村</t>
  </si>
  <si>
    <t>下郷町</t>
  </si>
  <si>
    <t>檜枝岐村</t>
  </si>
  <si>
    <t>只見町</t>
  </si>
  <si>
    <t>南会津町</t>
  </si>
  <si>
    <t>北塩原村</t>
  </si>
  <si>
    <t>西会津町</t>
  </si>
  <si>
    <t>磐梯町</t>
  </si>
  <si>
    <t>猪苗代町</t>
  </si>
  <si>
    <t>会津坂下町</t>
  </si>
  <si>
    <t>湯川村</t>
  </si>
  <si>
    <t>柳津町</t>
  </si>
  <si>
    <t>三島町</t>
  </si>
  <si>
    <t>昭和村</t>
  </si>
  <si>
    <t>会津美里町</t>
  </si>
  <si>
    <t>西郷村</t>
  </si>
  <si>
    <t>泉崎村</t>
  </si>
  <si>
    <t>中島村</t>
  </si>
  <si>
    <t>矢吹町</t>
  </si>
  <si>
    <t>棚倉町</t>
  </si>
  <si>
    <t>矢祭町</t>
  </si>
  <si>
    <t>塙町</t>
  </si>
  <si>
    <t>鮫川村</t>
  </si>
  <si>
    <t>石川町</t>
  </si>
  <si>
    <t>玉川村</t>
  </si>
  <si>
    <t>平田村</t>
  </si>
  <si>
    <t>浅川町</t>
  </si>
  <si>
    <t>古殿町</t>
  </si>
  <si>
    <t>三春町</t>
  </si>
  <si>
    <t>小野町</t>
  </si>
  <si>
    <t>広野町</t>
  </si>
  <si>
    <t>楢葉町</t>
  </si>
  <si>
    <t>富岡町</t>
  </si>
  <si>
    <t>川内村</t>
  </si>
  <si>
    <t>大熊町</t>
  </si>
  <si>
    <t>双葉町</t>
  </si>
  <si>
    <t>浪江町</t>
  </si>
  <si>
    <t>葛尾村</t>
  </si>
  <si>
    <t>新地町</t>
  </si>
  <si>
    <t>飯舘村</t>
  </si>
  <si>
    <t>茨城県</t>
  </si>
  <si>
    <t>水戸市</t>
  </si>
  <si>
    <t>日立市</t>
  </si>
  <si>
    <t>土浦市</t>
  </si>
  <si>
    <t>古河市</t>
  </si>
  <si>
    <t>石岡市</t>
  </si>
  <si>
    <t>結城市</t>
  </si>
  <si>
    <t>龍ケ崎市</t>
  </si>
  <si>
    <t>下妻市</t>
  </si>
  <si>
    <t>常総市</t>
  </si>
  <si>
    <t>常陸太田市</t>
  </si>
  <si>
    <t>高萩市</t>
  </si>
  <si>
    <t>北茨城市</t>
  </si>
  <si>
    <t>笠間市</t>
  </si>
  <si>
    <t>取手市</t>
  </si>
  <si>
    <t>牛久市</t>
  </si>
  <si>
    <t>つくば市</t>
  </si>
  <si>
    <t>ひたちなか市</t>
  </si>
  <si>
    <t>鹿嶋市</t>
  </si>
  <si>
    <t>潮来市</t>
  </si>
  <si>
    <t>守谷市</t>
  </si>
  <si>
    <t>常陸大宮市</t>
  </si>
  <si>
    <t>那珂市</t>
  </si>
  <si>
    <t>筑西市</t>
  </si>
  <si>
    <t>坂東市</t>
  </si>
  <si>
    <t>稲敷市</t>
  </si>
  <si>
    <t>かすみがうら市</t>
  </si>
  <si>
    <t>桜川市</t>
  </si>
  <si>
    <t>神栖市</t>
  </si>
  <si>
    <t>行方市</t>
  </si>
  <si>
    <t>鉾田市</t>
  </si>
  <si>
    <t>つくばみらい市</t>
  </si>
  <si>
    <t>小美玉市</t>
  </si>
  <si>
    <t>茨城町</t>
  </si>
  <si>
    <t>大洗町</t>
  </si>
  <si>
    <t>城里町</t>
  </si>
  <si>
    <t>東海村</t>
  </si>
  <si>
    <t>大子町</t>
  </si>
  <si>
    <t>美浦村</t>
  </si>
  <si>
    <t>阿見町</t>
  </si>
  <si>
    <t>河内町</t>
  </si>
  <si>
    <t>八千代町</t>
  </si>
  <si>
    <t>五霞町</t>
  </si>
  <si>
    <t>境町</t>
  </si>
  <si>
    <t>利根町</t>
  </si>
  <si>
    <t>栃木県</t>
  </si>
  <si>
    <t>宇都宮市</t>
  </si>
  <si>
    <t>足利市</t>
  </si>
  <si>
    <t>栃木市</t>
  </si>
  <si>
    <t>佐野市</t>
  </si>
  <si>
    <t>鹿沼市</t>
  </si>
  <si>
    <t>日光市</t>
  </si>
  <si>
    <t>小山市</t>
  </si>
  <si>
    <t>真岡市</t>
  </si>
  <si>
    <t>大田原市</t>
  </si>
  <si>
    <t>矢板市</t>
  </si>
  <si>
    <t>那須塩原市</t>
  </si>
  <si>
    <t>さくら市</t>
  </si>
  <si>
    <t>那須烏山市</t>
  </si>
  <si>
    <t>下野市</t>
  </si>
  <si>
    <t>上三川町</t>
  </si>
  <si>
    <t>益子町</t>
  </si>
  <si>
    <t>茂木町</t>
  </si>
  <si>
    <t>市貝町</t>
  </si>
  <si>
    <t>芳賀町</t>
  </si>
  <si>
    <t>壬生町</t>
  </si>
  <si>
    <t>野木町</t>
  </si>
  <si>
    <t>塩谷町</t>
  </si>
  <si>
    <t>高根沢町</t>
  </si>
  <si>
    <t>那須町</t>
  </si>
  <si>
    <t>那珂川町</t>
  </si>
  <si>
    <t>群馬県</t>
  </si>
  <si>
    <t>前橋市</t>
  </si>
  <si>
    <t>高崎市</t>
  </si>
  <si>
    <t>桐生市</t>
  </si>
  <si>
    <t>伊勢崎市</t>
  </si>
  <si>
    <t>太田市</t>
  </si>
  <si>
    <t>沼田市</t>
  </si>
  <si>
    <t>館林市</t>
  </si>
  <si>
    <t>渋川市</t>
  </si>
  <si>
    <t>藤岡市</t>
  </si>
  <si>
    <t>富岡市</t>
  </si>
  <si>
    <t>安中市</t>
  </si>
  <si>
    <t>みどり市</t>
  </si>
  <si>
    <t>榛東村</t>
  </si>
  <si>
    <t>吉岡町</t>
  </si>
  <si>
    <t>上野村</t>
  </si>
  <si>
    <t>神流町</t>
  </si>
  <si>
    <t>下仁田町</t>
  </si>
  <si>
    <t>南牧村</t>
  </si>
  <si>
    <t>甘楽町</t>
  </si>
  <si>
    <t>中之条町</t>
  </si>
  <si>
    <t>長野原町</t>
  </si>
  <si>
    <t>嬬恋村</t>
  </si>
  <si>
    <t>草津町</t>
  </si>
  <si>
    <t>高山村</t>
  </si>
  <si>
    <t>東吾妻町</t>
  </si>
  <si>
    <t>片品村</t>
  </si>
  <si>
    <t>川場村</t>
  </si>
  <si>
    <t>みなかみ町</t>
  </si>
  <si>
    <t>玉村町</t>
  </si>
  <si>
    <t>板倉町</t>
  </si>
  <si>
    <t>明和町</t>
  </si>
  <si>
    <t>千代田町</t>
  </si>
  <si>
    <t>大泉町</t>
  </si>
  <si>
    <t>邑楽町</t>
  </si>
  <si>
    <t>埼玉県</t>
  </si>
  <si>
    <t>さいたま市</t>
  </si>
  <si>
    <t>川越市</t>
  </si>
  <si>
    <t>熊谷市</t>
  </si>
  <si>
    <t>川口市</t>
  </si>
  <si>
    <t>行田市</t>
  </si>
  <si>
    <t>秩父市</t>
  </si>
  <si>
    <t>所沢市</t>
  </si>
  <si>
    <t>飯能市</t>
  </si>
  <si>
    <t>加須市</t>
  </si>
  <si>
    <t>本庄市</t>
  </si>
  <si>
    <t>東松山市</t>
  </si>
  <si>
    <t>春日部市</t>
  </si>
  <si>
    <t>狭山市</t>
  </si>
  <si>
    <t>羽生市</t>
  </si>
  <si>
    <t>鴻巣市</t>
  </si>
  <si>
    <t>深谷市</t>
  </si>
  <si>
    <t>上尾市</t>
  </si>
  <si>
    <t>草加市</t>
  </si>
  <si>
    <t>越谷市</t>
  </si>
  <si>
    <t>蕨市</t>
  </si>
  <si>
    <t>戸田市</t>
  </si>
  <si>
    <t>入間市</t>
  </si>
  <si>
    <t>朝霞市</t>
  </si>
  <si>
    <t>志木市</t>
  </si>
  <si>
    <t>和光市</t>
  </si>
  <si>
    <t>新座市</t>
  </si>
  <si>
    <t>桶川市</t>
  </si>
  <si>
    <t>久喜市</t>
  </si>
  <si>
    <t>北本市</t>
  </si>
  <si>
    <t>八潮市</t>
  </si>
  <si>
    <t>富士見市</t>
  </si>
  <si>
    <t>三郷市</t>
  </si>
  <si>
    <t>蓮田市</t>
  </si>
  <si>
    <t>坂戸市</t>
  </si>
  <si>
    <t>幸手市</t>
  </si>
  <si>
    <t>鶴ヶ島市</t>
  </si>
  <si>
    <t>日高市</t>
  </si>
  <si>
    <t>吉川市</t>
  </si>
  <si>
    <t>ふじみ野市</t>
  </si>
  <si>
    <t>白岡市</t>
    <rPh sb="0" eb="2">
      <t>シラオカ</t>
    </rPh>
    <rPh sb="2" eb="3">
      <t>シ</t>
    </rPh>
    <phoneticPr fontId="1"/>
  </si>
  <si>
    <t>伊奈町</t>
  </si>
  <si>
    <t>三芳町</t>
  </si>
  <si>
    <t>毛呂山町</t>
  </si>
  <si>
    <t>越生町</t>
  </si>
  <si>
    <t>滑川町</t>
  </si>
  <si>
    <t>嵐山町</t>
  </si>
  <si>
    <t>小川町</t>
  </si>
  <si>
    <t>川島町</t>
  </si>
  <si>
    <t>吉見町</t>
  </si>
  <si>
    <t>鳩山町</t>
  </si>
  <si>
    <t>ときがわ町</t>
  </si>
  <si>
    <t>横瀬町</t>
  </si>
  <si>
    <t>皆野町</t>
  </si>
  <si>
    <t>長瀞町</t>
  </si>
  <si>
    <t>小鹿野町</t>
  </si>
  <si>
    <t>東秩父村</t>
  </si>
  <si>
    <t>神川町</t>
  </si>
  <si>
    <t>上里町</t>
  </si>
  <si>
    <t>寄居町</t>
  </si>
  <si>
    <t>宮代町</t>
  </si>
  <si>
    <t>杉戸町</t>
  </si>
  <si>
    <t>松伏町</t>
  </si>
  <si>
    <t>千葉県</t>
  </si>
  <si>
    <t>千葉市</t>
  </si>
  <si>
    <t>銚子市</t>
  </si>
  <si>
    <t>市川市</t>
  </si>
  <si>
    <t>船橋市</t>
  </si>
  <si>
    <t>館山市</t>
  </si>
  <si>
    <t>木更津市</t>
  </si>
  <si>
    <t>松戸市</t>
  </si>
  <si>
    <t>野田市</t>
  </si>
  <si>
    <t>茂原市</t>
  </si>
  <si>
    <t>成田市</t>
  </si>
  <si>
    <t>佐倉市</t>
  </si>
  <si>
    <t>東金市</t>
  </si>
  <si>
    <t>旭市</t>
  </si>
  <si>
    <t>習志野市</t>
  </si>
  <si>
    <t>柏市</t>
  </si>
  <si>
    <t>勝浦市</t>
  </si>
  <si>
    <t>市原市</t>
  </si>
  <si>
    <t>流山市</t>
  </si>
  <si>
    <t>八千代市</t>
  </si>
  <si>
    <t>我孫子市</t>
  </si>
  <si>
    <t>鴨川市</t>
  </si>
  <si>
    <t>鎌ケ谷市</t>
  </si>
  <si>
    <t>君津市</t>
  </si>
  <si>
    <t>富津市</t>
  </si>
  <si>
    <t>浦安市</t>
  </si>
  <si>
    <t>四街道市</t>
  </si>
  <si>
    <t>袖ケ浦市</t>
  </si>
  <si>
    <t>八街市</t>
  </si>
  <si>
    <t>印西市</t>
  </si>
  <si>
    <t>白井市</t>
  </si>
  <si>
    <t>富里市</t>
  </si>
  <si>
    <t>南房総市</t>
  </si>
  <si>
    <t>匝瑳市</t>
  </si>
  <si>
    <t>香取市</t>
  </si>
  <si>
    <t>山武市</t>
  </si>
  <si>
    <t>いすみ市</t>
  </si>
  <si>
    <t>大網白里市</t>
    <rPh sb="4" eb="5">
      <t>シ</t>
    </rPh>
    <phoneticPr fontId="1"/>
  </si>
  <si>
    <t>酒々井町</t>
  </si>
  <si>
    <t>栄町</t>
  </si>
  <si>
    <t>神崎町</t>
  </si>
  <si>
    <t>多古町</t>
  </si>
  <si>
    <t>東庄町</t>
  </si>
  <si>
    <t>九十九里町</t>
  </si>
  <si>
    <t>芝山町</t>
  </si>
  <si>
    <t>横芝光町</t>
  </si>
  <si>
    <t>一宮町</t>
  </si>
  <si>
    <t>睦沢町</t>
  </si>
  <si>
    <t>長生村</t>
  </si>
  <si>
    <t>白子町</t>
  </si>
  <si>
    <t>長柄町</t>
  </si>
  <si>
    <t>長南町</t>
  </si>
  <si>
    <t>大多喜町</t>
  </si>
  <si>
    <t>御宿町</t>
  </si>
  <si>
    <t>鋸南町</t>
  </si>
  <si>
    <t>東京都</t>
  </si>
  <si>
    <t>千代田区</t>
  </si>
  <si>
    <t>中央区</t>
  </si>
  <si>
    <t>港区</t>
  </si>
  <si>
    <t>新宿区</t>
  </si>
  <si>
    <t>文京区</t>
  </si>
  <si>
    <t>台東区</t>
  </si>
  <si>
    <t>墨田区</t>
  </si>
  <si>
    <t>江東区</t>
  </si>
  <si>
    <t>品川区</t>
  </si>
  <si>
    <t>目黒区</t>
  </si>
  <si>
    <t>大田区</t>
  </si>
  <si>
    <t>世田谷区</t>
  </si>
  <si>
    <t>渋谷区</t>
  </si>
  <si>
    <t>中野区</t>
  </si>
  <si>
    <t>杉並区</t>
  </si>
  <si>
    <t>豊島区</t>
  </si>
  <si>
    <t>北区</t>
  </si>
  <si>
    <t>荒川区</t>
  </si>
  <si>
    <t>板橋区</t>
  </si>
  <si>
    <t>練馬区</t>
  </si>
  <si>
    <t>足立区</t>
  </si>
  <si>
    <t>葛飾区</t>
  </si>
  <si>
    <t>江戸川区</t>
  </si>
  <si>
    <t>八王子市</t>
  </si>
  <si>
    <t>立川市</t>
  </si>
  <si>
    <t>武蔵野市</t>
  </si>
  <si>
    <t>三鷹市</t>
  </si>
  <si>
    <t>青梅市</t>
  </si>
  <si>
    <t>府中市</t>
  </si>
  <si>
    <t>昭島市</t>
  </si>
  <si>
    <t>調布市</t>
  </si>
  <si>
    <t>町田市</t>
  </si>
  <si>
    <t>小金井市</t>
  </si>
  <si>
    <t>小平市</t>
  </si>
  <si>
    <t>日野市</t>
  </si>
  <si>
    <t>東村山市</t>
  </si>
  <si>
    <t>国分寺市</t>
  </si>
  <si>
    <t>国立市</t>
  </si>
  <si>
    <t>福生市</t>
  </si>
  <si>
    <t>狛江市</t>
  </si>
  <si>
    <t>東大和市</t>
  </si>
  <si>
    <t>清瀬市</t>
  </si>
  <si>
    <t>東久留米市</t>
  </si>
  <si>
    <t>武蔵村山市</t>
  </si>
  <si>
    <t>多摩市</t>
  </si>
  <si>
    <t>稲城市</t>
  </si>
  <si>
    <t>羽村市</t>
  </si>
  <si>
    <t>あきる野市</t>
  </si>
  <si>
    <t>西東京市</t>
  </si>
  <si>
    <t>瑞穂町</t>
  </si>
  <si>
    <t>日の出町</t>
  </si>
  <si>
    <t>檜原村</t>
  </si>
  <si>
    <t>奥多摩町</t>
  </si>
  <si>
    <t>大島町</t>
  </si>
  <si>
    <t>利島村</t>
  </si>
  <si>
    <t>新島村</t>
  </si>
  <si>
    <t>神津島村</t>
  </si>
  <si>
    <t>三宅村</t>
  </si>
  <si>
    <t>御蔵島村</t>
  </si>
  <si>
    <t>八丈町</t>
  </si>
  <si>
    <t>青ヶ島村</t>
  </si>
  <si>
    <t>小笠原村</t>
  </si>
  <si>
    <t>神奈川県</t>
  </si>
  <si>
    <t>横浜市</t>
  </si>
  <si>
    <t>川崎市</t>
  </si>
  <si>
    <t>相模原市</t>
  </si>
  <si>
    <t>横須賀市</t>
  </si>
  <si>
    <t>平塚市</t>
  </si>
  <si>
    <t>鎌倉市</t>
  </si>
  <si>
    <t>藤沢市</t>
  </si>
  <si>
    <t>小田原市</t>
  </si>
  <si>
    <t>茅ヶ崎市</t>
  </si>
  <si>
    <t>逗子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新潟県</t>
  </si>
  <si>
    <t>新潟市</t>
  </si>
  <si>
    <t>長岡市</t>
  </si>
  <si>
    <t>三条市</t>
  </si>
  <si>
    <t>柏崎市</t>
  </si>
  <si>
    <t>新発田市</t>
  </si>
  <si>
    <t>小千谷市</t>
  </si>
  <si>
    <t>加茂市</t>
  </si>
  <si>
    <t>十日町市</t>
  </si>
  <si>
    <t>見附市</t>
  </si>
  <si>
    <t>村上市</t>
  </si>
  <si>
    <t>燕市</t>
  </si>
  <si>
    <t>糸魚川市</t>
  </si>
  <si>
    <t>妙高市</t>
  </si>
  <si>
    <t>五泉市</t>
  </si>
  <si>
    <t>上越市</t>
  </si>
  <si>
    <t>阿賀野市</t>
  </si>
  <si>
    <t>佐渡市</t>
  </si>
  <si>
    <t>魚沼市</t>
  </si>
  <si>
    <t>南魚沼市</t>
  </si>
  <si>
    <t>胎内市</t>
  </si>
  <si>
    <t>聖籠町</t>
  </si>
  <si>
    <t>弥彦村</t>
  </si>
  <si>
    <t>田上町</t>
  </si>
  <si>
    <t>阿賀町</t>
  </si>
  <si>
    <t>出雲崎町</t>
  </si>
  <si>
    <t>湯沢町</t>
  </si>
  <si>
    <t>津南町</t>
  </si>
  <si>
    <t>刈羽村</t>
  </si>
  <si>
    <t>関川村</t>
  </si>
  <si>
    <t>粟島浦村</t>
  </si>
  <si>
    <t>富山県</t>
  </si>
  <si>
    <t>富山市</t>
  </si>
  <si>
    <t>高岡市</t>
  </si>
  <si>
    <t>魚津市</t>
  </si>
  <si>
    <t>氷見市</t>
  </si>
  <si>
    <t>滑川市</t>
  </si>
  <si>
    <t>黒部市</t>
  </si>
  <si>
    <t>砺波市</t>
  </si>
  <si>
    <t>小矢部市</t>
  </si>
  <si>
    <t>南砺市</t>
  </si>
  <si>
    <t>射水市</t>
  </si>
  <si>
    <t>舟橋村</t>
  </si>
  <si>
    <t>上市町</t>
  </si>
  <si>
    <t>立山町</t>
  </si>
  <si>
    <t>入善町</t>
  </si>
  <si>
    <t>石川県</t>
  </si>
  <si>
    <t>金沢市</t>
  </si>
  <si>
    <t>七尾市</t>
  </si>
  <si>
    <t>小松市</t>
  </si>
  <si>
    <t>輪島市</t>
  </si>
  <si>
    <t>珠洲市</t>
  </si>
  <si>
    <t>加賀市</t>
  </si>
  <si>
    <t>羽咋市</t>
  </si>
  <si>
    <t>かほく市</t>
  </si>
  <si>
    <t>白山市</t>
  </si>
  <si>
    <t>能美市</t>
  </si>
  <si>
    <t>野々市市</t>
  </si>
  <si>
    <t>川北町</t>
  </si>
  <si>
    <t>津幡町</t>
  </si>
  <si>
    <t>内灘町</t>
  </si>
  <si>
    <t>志賀町</t>
  </si>
  <si>
    <t>宝達志水町</t>
  </si>
  <si>
    <t>中能登町</t>
  </si>
  <si>
    <t>穴水町</t>
  </si>
  <si>
    <t>能登町</t>
  </si>
  <si>
    <t>福井県</t>
  </si>
  <si>
    <t>福井市</t>
  </si>
  <si>
    <t>敦賀市</t>
  </si>
  <si>
    <t>小浜市</t>
  </si>
  <si>
    <t>大野市</t>
  </si>
  <si>
    <t>勝山市</t>
  </si>
  <si>
    <t>鯖江市</t>
  </si>
  <si>
    <t>あわら市</t>
  </si>
  <si>
    <t>越前市</t>
  </si>
  <si>
    <t>坂井市</t>
  </si>
  <si>
    <t>永平寺町</t>
  </si>
  <si>
    <t>南越前町</t>
  </si>
  <si>
    <t>越前町</t>
  </si>
  <si>
    <t>美浜町</t>
  </si>
  <si>
    <t>高浜町</t>
  </si>
  <si>
    <t>おおい町</t>
  </si>
  <si>
    <t>若狭町</t>
  </si>
  <si>
    <t>山梨県</t>
  </si>
  <si>
    <t>甲府市</t>
  </si>
  <si>
    <t>富士吉田市</t>
  </si>
  <si>
    <t>都留市</t>
  </si>
  <si>
    <t>山梨市</t>
  </si>
  <si>
    <t>大月市</t>
  </si>
  <si>
    <t>韮崎市</t>
  </si>
  <si>
    <t>南アルプス市</t>
  </si>
  <si>
    <t>北杜市</t>
  </si>
  <si>
    <t>甲斐市</t>
  </si>
  <si>
    <t>笛吹市</t>
  </si>
  <si>
    <t>上野原市</t>
  </si>
  <si>
    <t>甲州市</t>
  </si>
  <si>
    <t>中央市</t>
  </si>
  <si>
    <t>市川三郷町</t>
  </si>
  <si>
    <t>早川町</t>
  </si>
  <si>
    <t>身延町</t>
  </si>
  <si>
    <t>富士川町</t>
  </si>
  <si>
    <t>昭和町</t>
  </si>
  <si>
    <t>道志村</t>
  </si>
  <si>
    <t>西桂町</t>
  </si>
  <si>
    <t>忍野村</t>
  </si>
  <si>
    <t>山中湖村</t>
  </si>
  <si>
    <t>鳴沢村</t>
  </si>
  <si>
    <t>富士河口湖町</t>
  </si>
  <si>
    <t>小菅村</t>
  </si>
  <si>
    <t>丹波山村</t>
  </si>
  <si>
    <t>長野県</t>
  </si>
  <si>
    <t>長野市</t>
  </si>
  <si>
    <t>松本市</t>
  </si>
  <si>
    <t>上田市</t>
  </si>
  <si>
    <t>岡谷市</t>
  </si>
  <si>
    <t>飯田市</t>
  </si>
  <si>
    <t>諏訪市</t>
  </si>
  <si>
    <t>須坂市</t>
  </si>
  <si>
    <t>小諸市</t>
  </si>
  <si>
    <t>伊那市</t>
  </si>
  <si>
    <t>駒ヶ根市</t>
  </si>
  <si>
    <t>中野市</t>
  </si>
  <si>
    <t>大町市</t>
  </si>
  <si>
    <t>飯山市</t>
  </si>
  <si>
    <t>茅野市</t>
  </si>
  <si>
    <t>塩尻市</t>
  </si>
  <si>
    <t>佐久市</t>
  </si>
  <si>
    <t>千曲市</t>
  </si>
  <si>
    <t>東御市</t>
  </si>
  <si>
    <t>安曇野市</t>
  </si>
  <si>
    <t>小海町</t>
  </si>
  <si>
    <t>川上村</t>
  </si>
  <si>
    <t>南相木村</t>
  </si>
  <si>
    <t>北相木村</t>
  </si>
  <si>
    <t>佐久穂町</t>
  </si>
  <si>
    <t>軽井沢町</t>
  </si>
  <si>
    <t>御代田町</t>
  </si>
  <si>
    <t>立科町</t>
  </si>
  <si>
    <t>青木村</t>
  </si>
  <si>
    <t>長和町</t>
  </si>
  <si>
    <t>下諏訪町</t>
  </si>
  <si>
    <t>富士見町</t>
  </si>
  <si>
    <t>原村</t>
  </si>
  <si>
    <t>辰野町</t>
  </si>
  <si>
    <t>箕輪町</t>
  </si>
  <si>
    <t>飯島町</t>
  </si>
  <si>
    <t>南箕輪村</t>
  </si>
  <si>
    <t>中川村</t>
  </si>
  <si>
    <t>宮田村</t>
  </si>
  <si>
    <t>松川町</t>
  </si>
  <si>
    <t>高森町</t>
  </si>
  <si>
    <t>阿南町</t>
  </si>
  <si>
    <t>阿智村</t>
  </si>
  <si>
    <t>平谷村</t>
  </si>
  <si>
    <t>根羽村</t>
  </si>
  <si>
    <t>下條村</t>
  </si>
  <si>
    <t>売木村</t>
  </si>
  <si>
    <t>天龍村</t>
  </si>
  <si>
    <t>泰阜村</t>
  </si>
  <si>
    <t>喬木村</t>
  </si>
  <si>
    <t>豊丘村</t>
  </si>
  <si>
    <t>大鹿村</t>
  </si>
  <si>
    <t>上松町</t>
  </si>
  <si>
    <t>南木曽町</t>
  </si>
  <si>
    <t>木祖村</t>
  </si>
  <si>
    <t>王滝村</t>
  </si>
  <si>
    <t>大桑村</t>
  </si>
  <si>
    <t>木曽町</t>
  </si>
  <si>
    <t>麻績村</t>
  </si>
  <si>
    <t>生坂村</t>
  </si>
  <si>
    <t>山形村</t>
  </si>
  <si>
    <t>朝日村</t>
  </si>
  <si>
    <t>筑北村</t>
  </si>
  <si>
    <t>松川村</t>
  </si>
  <si>
    <t>白馬村</t>
  </si>
  <si>
    <t>小谷村</t>
  </si>
  <si>
    <t>坂城町</t>
  </si>
  <si>
    <t>小布施町</t>
  </si>
  <si>
    <t>山ノ内町</t>
  </si>
  <si>
    <t>木島平村</t>
  </si>
  <si>
    <t>野沢温泉村</t>
  </si>
  <si>
    <t>信濃町</t>
  </si>
  <si>
    <t>小川村</t>
  </si>
  <si>
    <t>飯綱町</t>
  </si>
  <si>
    <t>栄村</t>
  </si>
  <si>
    <t>岐阜県</t>
  </si>
  <si>
    <t>岐阜市</t>
  </si>
  <si>
    <t>大垣市</t>
  </si>
  <si>
    <t>高山市</t>
  </si>
  <si>
    <t>多治見市</t>
  </si>
  <si>
    <t>関市</t>
  </si>
  <si>
    <t>中津川市</t>
  </si>
  <si>
    <t>美濃市</t>
  </si>
  <si>
    <t>瑞浪市</t>
  </si>
  <si>
    <t>羽島市</t>
  </si>
  <si>
    <t>恵那市</t>
  </si>
  <si>
    <t>美濃加茂市</t>
  </si>
  <si>
    <t>土岐市</t>
  </si>
  <si>
    <t>各務原市</t>
  </si>
  <si>
    <t>可児市</t>
  </si>
  <si>
    <t>山県市</t>
  </si>
  <si>
    <t>瑞穂市</t>
  </si>
  <si>
    <t>飛騨市</t>
  </si>
  <si>
    <t>本巣市</t>
  </si>
  <si>
    <t>郡上市</t>
  </si>
  <si>
    <t>下呂市</t>
  </si>
  <si>
    <t>海津市</t>
  </si>
  <si>
    <t>岐南町</t>
  </si>
  <si>
    <t>笠松町</t>
  </si>
  <si>
    <t>養老町</t>
  </si>
  <si>
    <t>垂井町</t>
  </si>
  <si>
    <t>関ケ原町</t>
  </si>
  <si>
    <t>神戸町</t>
  </si>
  <si>
    <t>輪之内町</t>
  </si>
  <si>
    <t>安八町</t>
  </si>
  <si>
    <t>揖斐川町</t>
  </si>
  <si>
    <t>大野町</t>
  </si>
  <si>
    <t>北方町</t>
  </si>
  <si>
    <t>坂祝町</t>
  </si>
  <si>
    <t>富加町</t>
  </si>
  <si>
    <t>川辺町</t>
  </si>
  <si>
    <t>七宗町</t>
  </si>
  <si>
    <t>八百津町</t>
  </si>
  <si>
    <t>白川町</t>
  </si>
  <si>
    <t>東白川村</t>
  </si>
  <si>
    <t>御嵩町</t>
  </si>
  <si>
    <t>白川村</t>
  </si>
  <si>
    <t>静岡県</t>
  </si>
  <si>
    <t>静岡市</t>
  </si>
  <si>
    <t>浜松市</t>
  </si>
  <si>
    <t>沼津市</t>
  </si>
  <si>
    <t>熱海市</t>
  </si>
  <si>
    <t>三島市</t>
  </si>
  <si>
    <t>富士宮市</t>
  </si>
  <si>
    <t>伊東市</t>
  </si>
  <si>
    <t>島田市</t>
  </si>
  <si>
    <t>富士市</t>
  </si>
  <si>
    <t>磐田市</t>
  </si>
  <si>
    <t>焼津市</t>
  </si>
  <si>
    <t>掛川市</t>
  </si>
  <si>
    <t>藤枝市</t>
  </si>
  <si>
    <t>御殿場市</t>
  </si>
  <si>
    <t>袋井市</t>
  </si>
  <si>
    <t>下田市</t>
  </si>
  <si>
    <t>裾野市</t>
  </si>
  <si>
    <t>湖西市</t>
  </si>
  <si>
    <t>伊豆市</t>
  </si>
  <si>
    <t>御前崎市</t>
  </si>
  <si>
    <t>菊川市</t>
  </si>
  <si>
    <t>伊豆の国市</t>
  </si>
  <si>
    <t>牧之原市</t>
  </si>
  <si>
    <t>東伊豆町</t>
  </si>
  <si>
    <t>河津町</t>
  </si>
  <si>
    <t>南伊豆町</t>
  </si>
  <si>
    <t>松崎町</t>
  </si>
  <si>
    <t>西伊豆町</t>
  </si>
  <si>
    <t>函南町</t>
  </si>
  <si>
    <t>長泉町</t>
  </si>
  <si>
    <t>小山町</t>
  </si>
  <si>
    <t>吉田町</t>
  </si>
  <si>
    <t>川根本町</t>
  </si>
  <si>
    <t>愛知県</t>
  </si>
  <si>
    <t>名古屋市</t>
  </si>
  <si>
    <t>豊橋市</t>
  </si>
  <si>
    <t>岡崎市</t>
  </si>
  <si>
    <t>一宮市</t>
  </si>
  <si>
    <t>瀬戸市</t>
  </si>
  <si>
    <t>半田市</t>
  </si>
  <si>
    <t>春日井市</t>
  </si>
  <si>
    <t>豊川市</t>
  </si>
  <si>
    <t>津島市</t>
  </si>
  <si>
    <t>碧南市</t>
  </si>
  <si>
    <t>刈谷市</t>
  </si>
  <si>
    <t>豊田市</t>
  </si>
  <si>
    <t>安城市</t>
  </si>
  <si>
    <t>西尾市</t>
  </si>
  <si>
    <t>蒲郡市</t>
  </si>
  <si>
    <t>犬山市</t>
  </si>
  <si>
    <t>常滑市</t>
  </si>
  <si>
    <t>江南市</t>
  </si>
  <si>
    <t>小牧市</t>
  </si>
  <si>
    <t>稲沢市</t>
  </si>
  <si>
    <t>新城市</t>
  </si>
  <si>
    <t>東海市</t>
  </si>
  <si>
    <t>大府市</t>
  </si>
  <si>
    <t>知多市</t>
  </si>
  <si>
    <t>知立市</t>
  </si>
  <si>
    <t>尾張旭市</t>
  </si>
  <si>
    <t>高浜市</t>
  </si>
  <si>
    <t>岩倉市</t>
  </si>
  <si>
    <t>豊明市</t>
  </si>
  <si>
    <t>日進市</t>
  </si>
  <si>
    <t>田原市</t>
  </si>
  <si>
    <t>愛西市</t>
  </si>
  <si>
    <t>清須市</t>
  </si>
  <si>
    <t>北名古屋市</t>
  </si>
  <si>
    <t>弥富市</t>
  </si>
  <si>
    <t>みよし市</t>
  </si>
  <si>
    <t>あま市</t>
  </si>
  <si>
    <t>長久手市</t>
  </si>
  <si>
    <t>東郷町</t>
  </si>
  <si>
    <t>豊山町</t>
  </si>
  <si>
    <t>大口町</t>
  </si>
  <si>
    <t>扶桑町</t>
  </si>
  <si>
    <t>大治町</t>
  </si>
  <si>
    <t>蟹江町</t>
  </si>
  <si>
    <t>飛島村</t>
  </si>
  <si>
    <t>阿久比町</t>
  </si>
  <si>
    <t>東浦町</t>
  </si>
  <si>
    <t>南知多町</t>
  </si>
  <si>
    <t>武豊町</t>
  </si>
  <si>
    <t>幸田町</t>
  </si>
  <si>
    <t>設楽町</t>
  </si>
  <si>
    <t>東栄町</t>
  </si>
  <si>
    <t>豊根村</t>
  </si>
  <si>
    <t>三重県</t>
  </si>
  <si>
    <t>津市</t>
  </si>
  <si>
    <t>四日市市</t>
  </si>
  <si>
    <t>伊勢市</t>
  </si>
  <si>
    <t>松阪市</t>
  </si>
  <si>
    <t>桑名市</t>
  </si>
  <si>
    <t>鈴鹿市</t>
  </si>
  <si>
    <t>名張市</t>
  </si>
  <si>
    <t>尾鷲市</t>
  </si>
  <si>
    <t>亀山市</t>
  </si>
  <si>
    <t>鳥羽市</t>
  </si>
  <si>
    <t>熊野市</t>
  </si>
  <si>
    <t>いなべ市</t>
  </si>
  <si>
    <t>志摩市</t>
  </si>
  <si>
    <t>伊賀市</t>
  </si>
  <si>
    <t>木曽岬町</t>
  </si>
  <si>
    <t>東員町</t>
  </si>
  <si>
    <t>菰野町</t>
  </si>
  <si>
    <t>川越町</t>
  </si>
  <si>
    <t>多気町</t>
  </si>
  <si>
    <t>大台町</t>
  </si>
  <si>
    <t>玉城町</t>
  </si>
  <si>
    <t>度会町</t>
  </si>
  <si>
    <t>大紀町</t>
  </si>
  <si>
    <t>南伊勢町</t>
  </si>
  <si>
    <t>紀北町</t>
  </si>
  <si>
    <t>御浜町</t>
  </si>
  <si>
    <t>紀宝町</t>
  </si>
  <si>
    <t>滋賀県</t>
  </si>
  <si>
    <t>大津市</t>
  </si>
  <si>
    <t>彦根市</t>
  </si>
  <si>
    <t>長浜市</t>
  </si>
  <si>
    <t>近江八幡市</t>
  </si>
  <si>
    <t>草津市</t>
  </si>
  <si>
    <t>守山市</t>
  </si>
  <si>
    <t>栗東市</t>
  </si>
  <si>
    <t>甲賀市</t>
  </si>
  <si>
    <t>野洲市</t>
  </si>
  <si>
    <t>湖南市</t>
  </si>
  <si>
    <t>高島市</t>
  </si>
  <si>
    <t>東近江市</t>
  </si>
  <si>
    <t>米原市</t>
  </si>
  <si>
    <t>日野町</t>
  </si>
  <si>
    <t>竜王町</t>
  </si>
  <si>
    <t>愛荘町</t>
  </si>
  <si>
    <t>豊郷町</t>
  </si>
  <si>
    <t>甲良町</t>
  </si>
  <si>
    <t>多賀町</t>
  </si>
  <si>
    <t>京都府</t>
  </si>
  <si>
    <t>京都市</t>
  </si>
  <si>
    <t>福知山市</t>
  </si>
  <si>
    <t>舞鶴市</t>
  </si>
  <si>
    <t>綾部市</t>
  </si>
  <si>
    <t>宇治市</t>
  </si>
  <si>
    <t>宮津市</t>
  </si>
  <si>
    <t>亀岡市</t>
  </si>
  <si>
    <t>城陽市</t>
  </si>
  <si>
    <t>向日市</t>
  </si>
  <si>
    <t>長岡京市</t>
  </si>
  <si>
    <t>八幡市</t>
  </si>
  <si>
    <t>京田辺市</t>
  </si>
  <si>
    <t>京丹後市</t>
  </si>
  <si>
    <t>南丹市</t>
  </si>
  <si>
    <t>木津川市</t>
  </si>
  <si>
    <t>大山崎町</t>
  </si>
  <si>
    <t>久御山町</t>
  </si>
  <si>
    <t>井手町</t>
  </si>
  <si>
    <t>宇治田原町</t>
  </si>
  <si>
    <t>笠置町</t>
  </si>
  <si>
    <t>和束町</t>
  </si>
  <si>
    <t>精華町</t>
  </si>
  <si>
    <t>南山城村</t>
  </si>
  <si>
    <t>京丹波町</t>
  </si>
  <si>
    <t>伊根町</t>
  </si>
  <si>
    <t>与謝野町</t>
  </si>
  <si>
    <t>大阪府</t>
  </si>
  <si>
    <t>大阪市</t>
  </si>
  <si>
    <t>堺市</t>
  </si>
  <si>
    <t>岸和田市</t>
  </si>
  <si>
    <t>豊中市</t>
  </si>
  <si>
    <t>池田市</t>
  </si>
  <si>
    <t>吹田市</t>
  </si>
  <si>
    <t>泉大津市</t>
  </si>
  <si>
    <t>高槻市</t>
  </si>
  <si>
    <t>貝塚市</t>
  </si>
  <si>
    <t>守口市</t>
  </si>
  <si>
    <t>枚方市</t>
  </si>
  <si>
    <t>茨木市</t>
  </si>
  <si>
    <t>八尾市</t>
  </si>
  <si>
    <t>泉佐野市</t>
  </si>
  <si>
    <t>富田林市</t>
  </si>
  <si>
    <t>寝屋川市</t>
  </si>
  <si>
    <t>河内長野市</t>
  </si>
  <si>
    <t>松原市</t>
  </si>
  <si>
    <t>大東市</t>
  </si>
  <si>
    <t>和泉市</t>
  </si>
  <si>
    <t>箕面市</t>
  </si>
  <si>
    <t>柏原市</t>
  </si>
  <si>
    <t>羽曳野市</t>
  </si>
  <si>
    <t>門真市</t>
  </si>
  <si>
    <t>摂津市</t>
  </si>
  <si>
    <t>高石市</t>
  </si>
  <si>
    <t>藤井寺市</t>
  </si>
  <si>
    <t>東大阪市</t>
  </si>
  <si>
    <t>泉南市</t>
  </si>
  <si>
    <t>四條畷市</t>
  </si>
  <si>
    <t>交野市</t>
  </si>
  <si>
    <t>大阪狭山市</t>
  </si>
  <si>
    <t>阪南市</t>
  </si>
  <si>
    <t>島本町</t>
  </si>
  <si>
    <t>豊能町</t>
  </si>
  <si>
    <t>能勢町</t>
  </si>
  <si>
    <t>忠岡町</t>
  </si>
  <si>
    <t>熊取町</t>
  </si>
  <si>
    <t>田尻町</t>
  </si>
  <si>
    <t>岬町</t>
  </si>
  <si>
    <t>太子町</t>
  </si>
  <si>
    <t>河南町</t>
  </si>
  <si>
    <t>千早赤阪村</t>
  </si>
  <si>
    <t>兵庫県</t>
  </si>
  <si>
    <t>神戸市</t>
  </si>
  <si>
    <t>姫路市</t>
  </si>
  <si>
    <t>尼崎市</t>
  </si>
  <si>
    <t>明石市</t>
  </si>
  <si>
    <t>西宮市</t>
  </si>
  <si>
    <t>洲本市</t>
  </si>
  <si>
    <t>芦屋市</t>
  </si>
  <si>
    <t>伊丹市</t>
  </si>
  <si>
    <t>相生市</t>
  </si>
  <si>
    <t>豊岡市</t>
  </si>
  <si>
    <t>加古川市</t>
  </si>
  <si>
    <t>赤穂市</t>
  </si>
  <si>
    <t>西脇市</t>
  </si>
  <si>
    <t>宝塚市</t>
  </si>
  <si>
    <t>三木市</t>
  </si>
  <si>
    <t>高砂市</t>
  </si>
  <si>
    <t>川西市</t>
  </si>
  <si>
    <t>小野市</t>
  </si>
  <si>
    <t>三田市</t>
  </si>
  <si>
    <t>加西市</t>
  </si>
  <si>
    <t>丹波篠山市</t>
    <rPh sb="0" eb="2">
      <t>タンバ</t>
    </rPh>
    <rPh sb="2" eb="5">
      <t>ササヤマシ</t>
    </rPh>
    <phoneticPr fontId="1"/>
  </si>
  <si>
    <t>養父市</t>
  </si>
  <si>
    <t>丹波市</t>
  </si>
  <si>
    <t>南あわじ市</t>
  </si>
  <si>
    <t>朝来市</t>
  </si>
  <si>
    <t>淡路市</t>
  </si>
  <si>
    <t>宍粟市</t>
  </si>
  <si>
    <t>加東市</t>
  </si>
  <si>
    <t>たつの市</t>
  </si>
  <si>
    <t>猪名川町</t>
  </si>
  <si>
    <t>多可町</t>
  </si>
  <si>
    <t>稲美町</t>
  </si>
  <si>
    <t>播磨町</t>
  </si>
  <si>
    <t>市川町</t>
  </si>
  <si>
    <t>福崎町</t>
  </si>
  <si>
    <t>神河町</t>
  </si>
  <si>
    <t>上郡町</t>
  </si>
  <si>
    <t>佐用町</t>
  </si>
  <si>
    <t>香美町</t>
  </si>
  <si>
    <t>新温泉町</t>
  </si>
  <si>
    <t>奈良県</t>
  </si>
  <si>
    <t>奈良市</t>
  </si>
  <si>
    <t>大和高田市</t>
  </si>
  <si>
    <t>大和郡山市</t>
  </si>
  <si>
    <t>天理市</t>
  </si>
  <si>
    <t>橿原市</t>
  </si>
  <si>
    <t>桜井市</t>
  </si>
  <si>
    <t>五條市</t>
  </si>
  <si>
    <t>御所市</t>
  </si>
  <si>
    <t>生駒市</t>
  </si>
  <si>
    <t>香芝市</t>
  </si>
  <si>
    <t>葛城市</t>
  </si>
  <si>
    <t>宇陀市</t>
  </si>
  <si>
    <t>山添村</t>
  </si>
  <si>
    <t>平群町</t>
  </si>
  <si>
    <t>三郷町</t>
  </si>
  <si>
    <t>斑鳩町</t>
  </si>
  <si>
    <t>安堵町</t>
  </si>
  <si>
    <t>三宅町</t>
  </si>
  <si>
    <t>田原本町</t>
  </si>
  <si>
    <t>曽爾村</t>
  </si>
  <si>
    <t>御杖村</t>
  </si>
  <si>
    <t>高取町</t>
  </si>
  <si>
    <t>明日香村</t>
  </si>
  <si>
    <t>上牧町</t>
  </si>
  <si>
    <t>王寺町</t>
  </si>
  <si>
    <t>広陵町</t>
  </si>
  <si>
    <t>河合町</t>
  </si>
  <si>
    <t>吉野町</t>
  </si>
  <si>
    <t>大淀町</t>
  </si>
  <si>
    <t>下市町</t>
  </si>
  <si>
    <t>黒滝村</t>
  </si>
  <si>
    <t>天川村</t>
  </si>
  <si>
    <t>野迫川村</t>
  </si>
  <si>
    <t>十津川村</t>
  </si>
  <si>
    <t>下北山村</t>
  </si>
  <si>
    <t>上北山村</t>
  </si>
  <si>
    <t>東吉野村</t>
  </si>
  <si>
    <t>和歌山県</t>
  </si>
  <si>
    <t>和歌山市</t>
  </si>
  <si>
    <t>海南市</t>
  </si>
  <si>
    <t>橋本市</t>
  </si>
  <si>
    <t>有田市</t>
  </si>
  <si>
    <t>御坊市</t>
  </si>
  <si>
    <t>田辺市</t>
  </si>
  <si>
    <t>新宮市</t>
  </si>
  <si>
    <t>紀の川市</t>
  </si>
  <si>
    <t>岩出市</t>
  </si>
  <si>
    <t>紀美野町</t>
  </si>
  <si>
    <t>かつらぎ町</t>
  </si>
  <si>
    <t>九度山町</t>
  </si>
  <si>
    <t>高野町</t>
  </si>
  <si>
    <t>湯浅町</t>
  </si>
  <si>
    <t>広川町</t>
  </si>
  <si>
    <t>有田川町</t>
  </si>
  <si>
    <t>由良町</t>
  </si>
  <si>
    <t>印南町</t>
  </si>
  <si>
    <t>みなべ町</t>
  </si>
  <si>
    <t>日高川町</t>
  </si>
  <si>
    <t>白浜町</t>
  </si>
  <si>
    <t>上富田町</t>
  </si>
  <si>
    <t>すさみ町</t>
  </si>
  <si>
    <t>那智勝浦町</t>
  </si>
  <si>
    <t>太地町</t>
  </si>
  <si>
    <t>古座川町</t>
  </si>
  <si>
    <t>北山村</t>
  </si>
  <si>
    <t>串本町</t>
  </si>
  <si>
    <t>鳥取県</t>
  </si>
  <si>
    <t>鳥取市</t>
  </si>
  <si>
    <t>米子市</t>
  </si>
  <si>
    <t>倉吉市</t>
  </si>
  <si>
    <t>境港市</t>
  </si>
  <si>
    <t>岩美町</t>
  </si>
  <si>
    <t>若桜町</t>
  </si>
  <si>
    <t>智頭町</t>
  </si>
  <si>
    <t>八頭町</t>
  </si>
  <si>
    <t>三朝町</t>
  </si>
  <si>
    <t>湯梨浜町</t>
  </si>
  <si>
    <t>琴浦町</t>
  </si>
  <si>
    <t>北栄町</t>
  </si>
  <si>
    <t>日吉津村</t>
  </si>
  <si>
    <t>大山町</t>
  </si>
  <si>
    <t>伯耆町</t>
  </si>
  <si>
    <t>日南町</t>
  </si>
  <si>
    <t>江府町</t>
  </si>
  <si>
    <t>島根県</t>
  </si>
  <si>
    <t>松江市</t>
  </si>
  <si>
    <t>浜田市</t>
  </si>
  <si>
    <t>出雲市</t>
  </si>
  <si>
    <t>益田市</t>
  </si>
  <si>
    <t>大田市</t>
  </si>
  <si>
    <t>安来市</t>
  </si>
  <si>
    <t>江津市</t>
  </si>
  <si>
    <t>雲南市</t>
  </si>
  <si>
    <t>奥出雲町</t>
  </si>
  <si>
    <t>飯南町</t>
  </si>
  <si>
    <t>川本町</t>
  </si>
  <si>
    <t>邑南町</t>
  </si>
  <si>
    <t>津和野町</t>
  </si>
  <si>
    <t>吉賀町</t>
  </si>
  <si>
    <t>海士町</t>
  </si>
  <si>
    <t>西ノ島町</t>
  </si>
  <si>
    <t>知夫村</t>
  </si>
  <si>
    <t>隠岐の島町</t>
  </si>
  <si>
    <t>岡山県</t>
  </si>
  <si>
    <t>岡山市</t>
  </si>
  <si>
    <t>倉敷市</t>
  </si>
  <si>
    <t>津山市</t>
  </si>
  <si>
    <t>玉野市</t>
  </si>
  <si>
    <t>笠岡市</t>
  </si>
  <si>
    <t>井原市</t>
  </si>
  <si>
    <t>総社市</t>
  </si>
  <si>
    <t>高梁市</t>
  </si>
  <si>
    <t>新見市</t>
  </si>
  <si>
    <t>備前市</t>
  </si>
  <si>
    <t>瀬戸内市</t>
  </si>
  <si>
    <t>赤磐市</t>
  </si>
  <si>
    <t>真庭市</t>
  </si>
  <si>
    <t>美作市</t>
  </si>
  <si>
    <t>浅口市</t>
  </si>
  <si>
    <t>和気町</t>
  </si>
  <si>
    <t>早島町</t>
  </si>
  <si>
    <t>里庄町</t>
  </si>
  <si>
    <t>矢掛町</t>
  </si>
  <si>
    <t>新庄村</t>
  </si>
  <si>
    <t>鏡野町</t>
  </si>
  <si>
    <t>勝央町</t>
  </si>
  <si>
    <t>奈義町</t>
  </si>
  <si>
    <t>西粟倉村</t>
  </si>
  <si>
    <t>久米南町</t>
  </si>
  <si>
    <t>美咲町</t>
  </si>
  <si>
    <t>吉備中央町</t>
  </si>
  <si>
    <t>広島県</t>
  </si>
  <si>
    <t>広島市</t>
  </si>
  <si>
    <t>呉市</t>
  </si>
  <si>
    <t>竹原市</t>
  </si>
  <si>
    <t>三原市</t>
  </si>
  <si>
    <t>尾道市</t>
  </si>
  <si>
    <t>福山市</t>
  </si>
  <si>
    <t>三次市</t>
  </si>
  <si>
    <t>庄原市</t>
  </si>
  <si>
    <t>大竹市</t>
  </si>
  <si>
    <t>東広島市</t>
  </si>
  <si>
    <t>廿日市市</t>
  </si>
  <si>
    <t>安芸高田市</t>
  </si>
  <si>
    <t>江田島市</t>
  </si>
  <si>
    <t>府中町</t>
  </si>
  <si>
    <t>海田町</t>
  </si>
  <si>
    <t>熊野町</t>
  </si>
  <si>
    <t>坂町</t>
  </si>
  <si>
    <t>安芸太田町</t>
  </si>
  <si>
    <t>北広島町</t>
  </si>
  <si>
    <t>大崎上島町</t>
  </si>
  <si>
    <t>世羅町</t>
  </si>
  <si>
    <t>神石高原町</t>
  </si>
  <si>
    <t>山口県</t>
  </si>
  <si>
    <t>下関市</t>
  </si>
  <si>
    <t>宇部市</t>
  </si>
  <si>
    <t>山口市</t>
  </si>
  <si>
    <t>萩市</t>
  </si>
  <si>
    <t>防府市</t>
  </si>
  <si>
    <t>下松市</t>
  </si>
  <si>
    <t>岩国市</t>
  </si>
  <si>
    <t>光市</t>
  </si>
  <si>
    <t>長門市</t>
  </si>
  <si>
    <t>柳井市</t>
  </si>
  <si>
    <t>美祢市</t>
  </si>
  <si>
    <t>周南市</t>
  </si>
  <si>
    <t>山陽小野田市</t>
  </si>
  <si>
    <t>周防大島町</t>
  </si>
  <si>
    <t>和木町</t>
  </si>
  <si>
    <t>上関町</t>
  </si>
  <si>
    <t>田布施町</t>
  </si>
  <si>
    <t>平生町</t>
  </si>
  <si>
    <t>阿武町</t>
  </si>
  <si>
    <t>徳島県</t>
  </si>
  <si>
    <t>徳島市</t>
  </si>
  <si>
    <t>鳴門市</t>
  </si>
  <si>
    <t>小松島市</t>
  </si>
  <si>
    <t>阿南市</t>
  </si>
  <si>
    <t>吉野川市</t>
  </si>
  <si>
    <t>阿波市</t>
  </si>
  <si>
    <t>美馬市</t>
  </si>
  <si>
    <t>三好市</t>
  </si>
  <si>
    <t>勝浦町</t>
  </si>
  <si>
    <t>上勝町</t>
  </si>
  <si>
    <t>佐那河内村</t>
  </si>
  <si>
    <t>石井町</t>
  </si>
  <si>
    <t>神山町</t>
  </si>
  <si>
    <t>那賀町</t>
  </si>
  <si>
    <t>牟岐町</t>
  </si>
  <si>
    <t>美波町</t>
  </si>
  <si>
    <t>海陽町</t>
  </si>
  <si>
    <t>松茂町</t>
  </si>
  <si>
    <t>北島町</t>
  </si>
  <si>
    <t>藍住町</t>
  </si>
  <si>
    <t>板野町</t>
  </si>
  <si>
    <t>上板町</t>
  </si>
  <si>
    <t>つるぎ町</t>
  </si>
  <si>
    <t>東みよし町</t>
  </si>
  <si>
    <t>香川県</t>
  </si>
  <si>
    <t>高松市</t>
  </si>
  <si>
    <t>丸亀市</t>
  </si>
  <si>
    <t>坂出市</t>
  </si>
  <si>
    <t>善通寺市</t>
  </si>
  <si>
    <t>観音寺市</t>
  </si>
  <si>
    <t>さぬき市</t>
  </si>
  <si>
    <t>東かがわ市</t>
  </si>
  <si>
    <t>三豊市</t>
  </si>
  <si>
    <t>土庄町</t>
  </si>
  <si>
    <t>小豆島町</t>
  </si>
  <si>
    <t>三木町</t>
  </si>
  <si>
    <t>直島町</t>
  </si>
  <si>
    <t>宇多津町</t>
  </si>
  <si>
    <t>綾川町</t>
  </si>
  <si>
    <t>琴平町</t>
  </si>
  <si>
    <t>多度津町</t>
  </si>
  <si>
    <t>まんのう町</t>
  </si>
  <si>
    <t>愛媛県</t>
  </si>
  <si>
    <t>松山市</t>
  </si>
  <si>
    <t>今治市</t>
  </si>
  <si>
    <t>宇和島市</t>
  </si>
  <si>
    <t>八幡浜市</t>
  </si>
  <si>
    <t>新居浜市</t>
  </si>
  <si>
    <t>西条市</t>
  </si>
  <si>
    <t>大洲市</t>
  </si>
  <si>
    <t>伊予市</t>
  </si>
  <si>
    <t>四国中央市</t>
  </si>
  <si>
    <t>西予市</t>
  </si>
  <si>
    <t>東温市</t>
  </si>
  <si>
    <t>上島町</t>
  </si>
  <si>
    <t>久万高原町</t>
  </si>
  <si>
    <t>砥部町</t>
  </si>
  <si>
    <t>内子町</t>
  </si>
  <si>
    <t>伊方町</t>
  </si>
  <si>
    <t>松野町</t>
  </si>
  <si>
    <t>鬼北町</t>
  </si>
  <si>
    <t>愛南町</t>
  </si>
  <si>
    <t>高知県</t>
  </si>
  <si>
    <t>高知市</t>
  </si>
  <si>
    <t>室戸市</t>
  </si>
  <si>
    <t>安芸市</t>
  </si>
  <si>
    <t>南国市</t>
  </si>
  <si>
    <t>土佐市</t>
  </si>
  <si>
    <t>須崎市</t>
  </si>
  <si>
    <t>宿毛市</t>
  </si>
  <si>
    <t>土佐清水市</t>
  </si>
  <si>
    <t>四万十市</t>
  </si>
  <si>
    <t>香南市</t>
  </si>
  <si>
    <t>香美市</t>
  </si>
  <si>
    <t>東洋町</t>
  </si>
  <si>
    <t>奈半利町</t>
  </si>
  <si>
    <t>田野町</t>
  </si>
  <si>
    <t>安田町</t>
  </si>
  <si>
    <t>北川村</t>
  </si>
  <si>
    <t>馬路村</t>
  </si>
  <si>
    <t>芸西村</t>
  </si>
  <si>
    <t>本山町</t>
  </si>
  <si>
    <t>大豊町</t>
  </si>
  <si>
    <t>土佐町</t>
  </si>
  <si>
    <t>大川村</t>
  </si>
  <si>
    <t>いの町</t>
  </si>
  <si>
    <t>仁淀川町</t>
  </si>
  <si>
    <t>中土佐町</t>
  </si>
  <si>
    <t>佐川町</t>
  </si>
  <si>
    <t>越知町</t>
  </si>
  <si>
    <t>梼原町</t>
  </si>
  <si>
    <t>日高村</t>
  </si>
  <si>
    <t>津野町</t>
  </si>
  <si>
    <t>四万十町</t>
  </si>
  <si>
    <t>大月町</t>
  </si>
  <si>
    <t>三原村</t>
  </si>
  <si>
    <t>黒潮町</t>
  </si>
  <si>
    <t>福岡県</t>
  </si>
  <si>
    <t>北九州市</t>
  </si>
  <si>
    <t>福岡市</t>
  </si>
  <si>
    <t>大牟田市</t>
  </si>
  <si>
    <t>久留米市</t>
  </si>
  <si>
    <t>直方市</t>
  </si>
  <si>
    <t>飯塚市</t>
  </si>
  <si>
    <t>田川市</t>
  </si>
  <si>
    <t>柳川市</t>
  </si>
  <si>
    <t>八女市</t>
  </si>
  <si>
    <t>筑後市</t>
  </si>
  <si>
    <t>大川市</t>
  </si>
  <si>
    <t>行橋市</t>
  </si>
  <si>
    <t>豊前市</t>
  </si>
  <si>
    <t>中間市</t>
  </si>
  <si>
    <t>小郡市</t>
  </si>
  <si>
    <t>筑紫野市</t>
  </si>
  <si>
    <t>春日市</t>
  </si>
  <si>
    <t>大野城市</t>
  </si>
  <si>
    <t>宗像市</t>
  </si>
  <si>
    <t>太宰府市</t>
  </si>
  <si>
    <t>古賀市</t>
  </si>
  <si>
    <t>福津市</t>
  </si>
  <si>
    <t>うきは市</t>
  </si>
  <si>
    <t>宮若市</t>
  </si>
  <si>
    <t>嘉麻市</t>
  </si>
  <si>
    <t>朝倉市</t>
  </si>
  <si>
    <t>みやま市</t>
  </si>
  <si>
    <t>糸島市</t>
  </si>
  <si>
    <t>那珂川市</t>
    <rPh sb="0" eb="3">
      <t>ナカガワ</t>
    </rPh>
    <rPh sb="3" eb="4">
      <t>シ</t>
    </rPh>
    <phoneticPr fontId="1"/>
  </si>
  <si>
    <t>宇美町</t>
  </si>
  <si>
    <t>篠栗町</t>
  </si>
  <si>
    <t>志免町</t>
  </si>
  <si>
    <t>須恵町</t>
  </si>
  <si>
    <t>新宮町</t>
  </si>
  <si>
    <t>久山町</t>
  </si>
  <si>
    <t>粕屋町</t>
  </si>
  <si>
    <t>芦屋町</t>
  </si>
  <si>
    <t>水巻町</t>
  </si>
  <si>
    <t>岡垣町</t>
  </si>
  <si>
    <t>遠賀町</t>
  </si>
  <si>
    <t>小竹町</t>
  </si>
  <si>
    <t>鞍手町</t>
  </si>
  <si>
    <t>桂川町</t>
  </si>
  <si>
    <t>筑前町</t>
  </si>
  <si>
    <t>東峰村</t>
  </si>
  <si>
    <t>大刀洗町</t>
  </si>
  <si>
    <t>大木町</t>
  </si>
  <si>
    <t>香春町</t>
  </si>
  <si>
    <t>添田町</t>
  </si>
  <si>
    <t>糸田町</t>
  </si>
  <si>
    <t>大任町</t>
  </si>
  <si>
    <t>赤村</t>
  </si>
  <si>
    <t>福智町</t>
  </si>
  <si>
    <t>苅田町</t>
  </si>
  <si>
    <t>みやこ町</t>
  </si>
  <si>
    <t>吉富町</t>
  </si>
  <si>
    <t>上毛町</t>
  </si>
  <si>
    <t>築上町</t>
  </si>
  <si>
    <t>佐賀県</t>
  </si>
  <si>
    <t>佐賀市</t>
  </si>
  <si>
    <t>唐津市</t>
  </si>
  <si>
    <t>鳥栖市</t>
  </si>
  <si>
    <t>多久市</t>
  </si>
  <si>
    <t>伊万里市</t>
  </si>
  <si>
    <t>武雄市</t>
  </si>
  <si>
    <t>鹿島市</t>
  </si>
  <si>
    <t>小城市</t>
  </si>
  <si>
    <t>嬉野市</t>
  </si>
  <si>
    <t>神埼市</t>
  </si>
  <si>
    <t>吉野ヶ里町</t>
  </si>
  <si>
    <t>基山町</t>
  </si>
  <si>
    <t>上峰町</t>
  </si>
  <si>
    <t>みやき町</t>
  </si>
  <si>
    <t>玄海町</t>
  </si>
  <si>
    <t>有田町</t>
  </si>
  <si>
    <t>大町町</t>
  </si>
  <si>
    <t>江北町</t>
  </si>
  <si>
    <t>白石町</t>
  </si>
  <si>
    <t>太良町</t>
  </si>
  <si>
    <t>長崎県</t>
  </si>
  <si>
    <t>長崎市</t>
  </si>
  <si>
    <t>佐世保市</t>
  </si>
  <si>
    <t>島原市</t>
  </si>
  <si>
    <t>諫早市</t>
  </si>
  <si>
    <t>大村市</t>
  </si>
  <si>
    <t>平戸市</t>
  </si>
  <si>
    <t>松浦市</t>
  </si>
  <si>
    <t>対馬市</t>
  </si>
  <si>
    <t>壱岐市</t>
  </si>
  <si>
    <t>五島市</t>
  </si>
  <si>
    <t>西海市</t>
  </si>
  <si>
    <t>雲仙市</t>
  </si>
  <si>
    <t>南島原市</t>
  </si>
  <si>
    <t>長与町</t>
  </si>
  <si>
    <t>時津町</t>
  </si>
  <si>
    <t>東彼杵町</t>
  </si>
  <si>
    <t>川棚町</t>
  </si>
  <si>
    <t>波佐見町</t>
  </si>
  <si>
    <t>小値賀町</t>
  </si>
  <si>
    <t>佐々町</t>
  </si>
  <si>
    <t>新上五島町</t>
  </si>
  <si>
    <t>熊本県</t>
  </si>
  <si>
    <t>熊本市</t>
  </si>
  <si>
    <t>八代市</t>
  </si>
  <si>
    <t>人吉市</t>
  </si>
  <si>
    <t>荒尾市</t>
  </si>
  <si>
    <t>水俣市</t>
  </si>
  <si>
    <t>玉名市</t>
  </si>
  <si>
    <t>山鹿市</t>
  </si>
  <si>
    <t>菊池市</t>
  </si>
  <si>
    <t>宇土市</t>
  </si>
  <si>
    <t>上天草市</t>
  </si>
  <si>
    <t>宇城市</t>
  </si>
  <si>
    <t>阿蘇市</t>
  </si>
  <si>
    <t>天草市</t>
  </si>
  <si>
    <t>合志市</t>
  </si>
  <si>
    <t>玉東町</t>
  </si>
  <si>
    <t>南関町</t>
  </si>
  <si>
    <t>長洲町</t>
  </si>
  <si>
    <t>和水町</t>
  </si>
  <si>
    <t>大津町</t>
  </si>
  <si>
    <t>菊陽町</t>
  </si>
  <si>
    <t>南小国町</t>
  </si>
  <si>
    <t>産山村</t>
  </si>
  <si>
    <t>西原村</t>
  </si>
  <si>
    <t>南阿蘇村</t>
  </si>
  <si>
    <t>御船町</t>
  </si>
  <si>
    <t>嘉島町</t>
  </si>
  <si>
    <t>益城町</t>
  </si>
  <si>
    <t>甲佐町</t>
  </si>
  <si>
    <t>山都町</t>
  </si>
  <si>
    <t>氷川町</t>
  </si>
  <si>
    <t>芦北町</t>
  </si>
  <si>
    <t>津奈木町</t>
  </si>
  <si>
    <t>錦町</t>
  </si>
  <si>
    <t>多良木町</t>
  </si>
  <si>
    <t>湯前町</t>
  </si>
  <si>
    <t>水上村</t>
  </si>
  <si>
    <t>相良村</t>
  </si>
  <si>
    <t>五木村</t>
  </si>
  <si>
    <t>山江村</t>
  </si>
  <si>
    <t>球磨村</t>
  </si>
  <si>
    <t>あさぎり町</t>
  </si>
  <si>
    <t>苓北町</t>
  </si>
  <si>
    <t>大分県</t>
  </si>
  <si>
    <t>大分市</t>
  </si>
  <si>
    <t>別府市</t>
  </si>
  <si>
    <t>中津市</t>
  </si>
  <si>
    <t>日田市</t>
  </si>
  <si>
    <t>佐伯市</t>
  </si>
  <si>
    <t>臼杵市</t>
  </si>
  <si>
    <t>津久見市</t>
  </si>
  <si>
    <t>竹田市</t>
  </si>
  <si>
    <t>豊後高田市</t>
  </si>
  <si>
    <t>杵築市</t>
  </si>
  <si>
    <t>宇佐市</t>
  </si>
  <si>
    <t>豊後大野市</t>
  </si>
  <si>
    <t>由布市</t>
  </si>
  <si>
    <t>国東市</t>
  </si>
  <si>
    <t>姫島村</t>
  </si>
  <si>
    <t>日出町</t>
  </si>
  <si>
    <t>九重町</t>
  </si>
  <si>
    <t>玖珠町</t>
  </si>
  <si>
    <t>宮崎県</t>
  </si>
  <si>
    <t>宮崎市</t>
  </si>
  <si>
    <t>都城市</t>
  </si>
  <si>
    <t>延岡市</t>
  </si>
  <si>
    <t>日南市</t>
  </si>
  <si>
    <t>小林市</t>
  </si>
  <si>
    <t>日向市</t>
  </si>
  <si>
    <t>串間市</t>
  </si>
  <si>
    <t>西都市</t>
  </si>
  <si>
    <t>えびの市</t>
  </si>
  <si>
    <t>三股町</t>
  </si>
  <si>
    <t>高原町</t>
  </si>
  <si>
    <t>国富町</t>
  </si>
  <si>
    <t>綾町</t>
  </si>
  <si>
    <t>高鍋町</t>
  </si>
  <si>
    <t>新富町</t>
  </si>
  <si>
    <t>西米良村</t>
  </si>
  <si>
    <t>木城町</t>
  </si>
  <si>
    <t>川南町</t>
  </si>
  <si>
    <t>都農町</t>
  </si>
  <si>
    <t>門川町</t>
  </si>
  <si>
    <t>諸塚村</t>
  </si>
  <si>
    <t>椎葉村</t>
  </si>
  <si>
    <t>高千穂町</t>
  </si>
  <si>
    <t>日之影町</t>
  </si>
  <si>
    <t>五ヶ瀬町</t>
  </si>
  <si>
    <t>鹿児島県</t>
  </si>
  <si>
    <t>鹿児島市</t>
  </si>
  <si>
    <t>鹿屋市</t>
  </si>
  <si>
    <t>枕崎市</t>
  </si>
  <si>
    <t>阿久根市</t>
  </si>
  <si>
    <t>出水市</t>
  </si>
  <si>
    <t>指宿市</t>
  </si>
  <si>
    <t>西之表市</t>
  </si>
  <si>
    <t>垂水市</t>
  </si>
  <si>
    <t>薩摩川内市</t>
  </si>
  <si>
    <t>日置市</t>
  </si>
  <si>
    <t>曽於市</t>
  </si>
  <si>
    <t>霧島市</t>
  </si>
  <si>
    <t>いちき串木野市</t>
  </si>
  <si>
    <t>南さつま市</t>
  </si>
  <si>
    <t>志布志市</t>
  </si>
  <si>
    <t>奄美市</t>
  </si>
  <si>
    <t>南九州市</t>
  </si>
  <si>
    <t>伊佐市</t>
  </si>
  <si>
    <t>姶良市</t>
  </si>
  <si>
    <t>三島村</t>
  </si>
  <si>
    <t>十島村</t>
  </si>
  <si>
    <t>さつま町</t>
  </si>
  <si>
    <t>長島町</t>
  </si>
  <si>
    <t>湧水町</t>
  </si>
  <si>
    <t>大崎町</t>
  </si>
  <si>
    <t>東串良町</t>
  </si>
  <si>
    <t>錦江町</t>
  </si>
  <si>
    <t>南大隅町</t>
  </si>
  <si>
    <t>肝付町</t>
  </si>
  <si>
    <t>中種子町</t>
  </si>
  <si>
    <t>南種子町</t>
  </si>
  <si>
    <t>屋久島町</t>
  </si>
  <si>
    <t>大和村</t>
  </si>
  <si>
    <t>宇検村</t>
  </si>
  <si>
    <t>瀬戸内町</t>
  </si>
  <si>
    <t>龍郷町</t>
  </si>
  <si>
    <t>喜界町</t>
  </si>
  <si>
    <t>徳之島町</t>
  </si>
  <si>
    <t>天城町</t>
  </si>
  <si>
    <t>伊仙町</t>
  </si>
  <si>
    <t>和泊町</t>
  </si>
  <si>
    <t>知名町</t>
  </si>
  <si>
    <t>与論町</t>
  </si>
  <si>
    <t>沖縄県</t>
  </si>
  <si>
    <t>那覇市</t>
  </si>
  <si>
    <t>宜野湾市</t>
  </si>
  <si>
    <t>石垣市</t>
  </si>
  <si>
    <t>浦添市</t>
  </si>
  <si>
    <t>名護市</t>
  </si>
  <si>
    <t>糸満市</t>
  </si>
  <si>
    <t>沖縄市</t>
  </si>
  <si>
    <t>豊見城市</t>
  </si>
  <si>
    <t>うるま市</t>
  </si>
  <si>
    <t>宮古島市</t>
  </si>
  <si>
    <t>南城市</t>
  </si>
  <si>
    <t>国頭村</t>
  </si>
  <si>
    <t>大宜味村</t>
  </si>
  <si>
    <t>東村</t>
  </si>
  <si>
    <t>今帰仁村</t>
  </si>
  <si>
    <t>本部町</t>
  </si>
  <si>
    <t>恩納村</t>
  </si>
  <si>
    <t>宜野座村</t>
  </si>
  <si>
    <t>金武町</t>
  </si>
  <si>
    <t>伊江村</t>
  </si>
  <si>
    <t>読谷村</t>
  </si>
  <si>
    <t>嘉手納町</t>
  </si>
  <si>
    <t>北谷町</t>
  </si>
  <si>
    <t>北中城村</t>
  </si>
  <si>
    <t>中城村</t>
  </si>
  <si>
    <t>西原町</t>
  </si>
  <si>
    <t>与那原町</t>
  </si>
  <si>
    <t>南風原町</t>
  </si>
  <si>
    <t>渡嘉敷村</t>
  </si>
  <si>
    <t>座間味村</t>
  </si>
  <si>
    <t>粟国村</t>
  </si>
  <si>
    <t>渡名喜村</t>
  </si>
  <si>
    <t>南大東村</t>
  </si>
  <si>
    <t>北大東村</t>
  </si>
  <si>
    <t>伊平屋村</t>
  </si>
  <si>
    <t>伊是名村</t>
  </si>
  <si>
    <t>久米島町</t>
  </si>
  <si>
    <t>八重瀬町</t>
  </si>
  <si>
    <t>多良間村</t>
  </si>
  <si>
    <t>竹富町</t>
  </si>
  <si>
    <t>与那国町</t>
  </si>
  <si>
    <t>01</t>
  </si>
  <si>
    <t>02</t>
  </si>
  <si>
    <t>03</t>
  </si>
  <si>
    <t>04</t>
  </si>
  <si>
    <t>05</t>
  </si>
  <si>
    <t>06</t>
  </si>
  <si>
    <t>07</t>
  </si>
  <si>
    <t>08</t>
  </si>
  <si>
    <t>09</t>
  </si>
  <si>
    <t>10</t>
  </si>
  <si>
    <t>11</t>
  </si>
  <si>
    <t>12</t>
  </si>
  <si>
    <t>13</t>
  </si>
  <si>
    <t>14</t>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011002</t>
  </si>
  <si>
    <t>012025</t>
  </si>
  <si>
    <t>012033</t>
  </si>
  <si>
    <t>012041</t>
  </si>
  <si>
    <t>012050</t>
  </si>
  <si>
    <t>012068</t>
  </si>
  <si>
    <t>012076</t>
  </si>
  <si>
    <t>012084</t>
  </si>
  <si>
    <t>012092</t>
  </si>
  <si>
    <t>012106</t>
  </si>
  <si>
    <t>012114</t>
  </si>
  <si>
    <t>012122</t>
  </si>
  <si>
    <t>012131</t>
  </si>
  <si>
    <t>012149</t>
  </si>
  <si>
    <t>012157</t>
  </si>
  <si>
    <t>012165</t>
  </si>
  <si>
    <t>012173</t>
  </si>
  <si>
    <t>012181</t>
  </si>
  <si>
    <t>012190</t>
  </si>
  <si>
    <t>012203</t>
  </si>
  <si>
    <t>012211</t>
  </si>
  <si>
    <t>012220</t>
  </si>
  <si>
    <t>012238</t>
  </si>
  <si>
    <t>012246</t>
  </si>
  <si>
    <t>012254</t>
  </si>
  <si>
    <t>012262</t>
  </si>
  <si>
    <t>012271</t>
  </si>
  <si>
    <t>012289</t>
  </si>
  <si>
    <t>012297</t>
  </si>
  <si>
    <t>012301</t>
  </si>
  <si>
    <t>012319</t>
  </si>
  <si>
    <t>012335</t>
  </si>
  <si>
    <t>012343</t>
  </si>
  <si>
    <t>012351</t>
  </si>
  <si>
    <t>012360</t>
  </si>
  <si>
    <t>013030</t>
  </si>
  <si>
    <t>013048</t>
  </si>
  <si>
    <t>013315</t>
  </si>
  <si>
    <t>013323</t>
  </si>
  <si>
    <t>013331</t>
  </si>
  <si>
    <t>013340</t>
  </si>
  <si>
    <t>013374</t>
  </si>
  <si>
    <t>013439</t>
  </si>
  <si>
    <t>013455</t>
  </si>
  <si>
    <t>013463</t>
  </si>
  <si>
    <t>013471</t>
  </si>
  <si>
    <t>013617</t>
  </si>
  <si>
    <t>013625</t>
  </si>
  <si>
    <t>013633</t>
  </si>
  <si>
    <t>013641</t>
  </si>
  <si>
    <t>013676</t>
  </si>
  <si>
    <t>013706</t>
  </si>
  <si>
    <t>013714</t>
  </si>
  <si>
    <t>013919</t>
  </si>
  <si>
    <t>013927</t>
  </si>
  <si>
    <t>013935</t>
  </si>
  <si>
    <t>013943</t>
  </si>
  <si>
    <t>013951</t>
  </si>
  <si>
    <t>013960</t>
  </si>
  <si>
    <t>013978</t>
  </si>
  <si>
    <t>013986</t>
  </si>
  <si>
    <t>013994</t>
  </si>
  <si>
    <t>014001</t>
  </si>
  <si>
    <t>014010</t>
  </si>
  <si>
    <t>014028</t>
  </si>
  <si>
    <t>014036</t>
  </si>
  <si>
    <t>014044</t>
  </si>
  <si>
    <t>014052</t>
  </si>
  <si>
    <t>014061</t>
  </si>
  <si>
    <t>014079</t>
  </si>
  <si>
    <t>014087</t>
  </si>
  <si>
    <t>014095</t>
  </si>
  <si>
    <t>014231</t>
  </si>
  <si>
    <t>014249</t>
  </si>
  <si>
    <t>014257</t>
  </si>
  <si>
    <t>014273</t>
  </si>
  <si>
    <t>014281</t>
  </si>
  <si>
    <t>014290</t>
  </si>
  <si>
    <t>014303</t>
  </si>
  <si>
    <t>014311</t>
  </si>
  <si>
    <t>014320</t>
  </si>
  <si>
    <t>014338</t>
  </si>
  <si>
    <t>014346</t>
  </si>
  <si>
    <t>014362</t>
  </si>
  <si>
    <t>014371</t>
  </si>
  <si>
    <t>014389</t>
  </si>
  <si>
    <t>014524</t>
  </si>
  <si>
    <t>014532</t>
  </si>
  <si>
    <t>014541</t>
  </si>
  <si>
    <t>014559</t>
  </si>
  <si>
    <t>014567</t>
  </si>
  <si>
    <t>014575</t>
  </si>
  <si>
    <t>014583</t>
  </si>
  <si>
    <t>014591</t>
  </si>
  <si>
    <t>014605</t>
  </si>
  <si>
    <t>014613</t>
  </si>
  <si>
    <t>014621</t>
  </si>
  <si>
    <t>014630</t>
  </si>
  <si>
    <t>014648</t>
  </si>
  <si>
    <t>014656</t>
  </si>
  <si>
    <t>014681</t>
  </si>
  <si>
    <t>014699</t>
  </si>
  <si>
    <t>014702</t>
  </si>
  <si>
    <t>014711</t>
  </si>
  <si>
    <t>014729</t>
  </si>
  <si>
    <t>014818</t>
  </si>
  <si>
    <t>014826</t>
  </si>
  <si>
    <t>014834</t>
  </si>
  <si>
    <t>014842</t>
  </si>
  <si>
    <t>014851</t>
  </si>
  <si>
    <t>014869</t>
  </si>
  <si>
    <t>014877</t>
  </si>
  <si>
    <t>015113</t>
  </si>
  <si>
    <t>015121</t>
  </si>
  <si>
    <t>015130</t>
  </si>
  <si>
    <t>015148</t>
  </si>
  <si>
    <t>015164</t>
  </si>
  <si>
    <t>015172</t>
  </si>
  <si>
    <t>015181</t>
  </si>
  <si>
    <t>015199</t>
  </si>
  <si>
    <t>015202</t>
  </si>
  <si>
    <t>015431</t>
  </si>
  <si>
    <t>015440</t>
  </si>
  <si>
    <t>015458</t>
  </si>
  <si>
    <t>015466</t>
  </si>
  <si>
    <t>015474</t>
  </si>
  <si>
    <t>015491</t>
  </si>
  <si>
    <t>015504</t>
  </si>
  <si>
    <t>015521</t>
  </si>
  <si>
    <t>015555</t>
  </si>
  <si>
    <t>015598</t>
  </si>
  <si>
    <t>015601</t>
  </si>
  <si>
    <t>015610</t>
  </si>
  <si>
    <t>015628</t>
  </si>
  <si>
    <t>015636</t>
  </si>
  <si>
    <t>015644</t>
  </si>
  <si>
    <t>015717</t>
  </si>
  <si>
    <t>015750</t>
  </si>
  <si>
    <t>015784</t>
  </si>
  <si>
    <t>015814</t>
  </si>
  <si>
    <t>015849</t>
  </si>
  <si>
    <t>015857</t>
  </si>
  <si>
    <t>015865</t>
  </si>
  <si>
    <t>016012</t>
  </si>
  <si>
    <t>016021</t>
  </si>
  <si>
    <t>016047</t>
  </si>
  <si>
    <t>016071</t>
  </si>
  <si>
    <t>016080</t>
  </si>
  <si>
    <t>016098</t>
  </si>
  <si>
    <t>016101</t>
  </si>
  <si>
    <t>016314</t>
  </si>
  <si>
    <t>016322</t>
  </si>
  <si>
    <t>016331</t>
  </si>
  <si>
    <t>016349</t>
  </si>
  <si>
    <t>016357</t>
  </si>
  <si>
    <t>016365</t>
  </si>
  <si>
    <t>016373</t>
  </si>
  <si>
    <t>016381</t>
  </si>
  <si>
    <t>016390</t>
  </si>
  <si>
    <t>016411</t>
  </si>
  <si>
    <t>016420</t>
  </si>
  <si>
    <t>016438</t>
  </si>
  <si>
    <t>016446</t>
  </si>
  <si>
    <t>016454</t>
  </si>
  <si>
    <t>016462</t>
  </si>
  <si>
    <t>016471</t>
  </si>
  <si>
    <t>016489</t>
  </si>
  <si>
    <t>016497</t>
  </si>
  <si>
    <t>016616</t>
  </si>
  <si>
    <t>016624</t>
  </si>
  <si>
    <t>016632</t>
  </si>
  <si>
    <t>016641</t>
  </si>
  <si>
    <t>016659</t>
  </si>
  <si>
    <t>016675</t>
  </si>
  <si>
    <t>016683</t>
  </si>
  <si>
    <t>016918</t>
  </si>
  <si>
    <t>016926</t>
  </si>
  <si>
    <t>016934</t>
  </si>
  <si>
    <t>016942</t>
  </si>
  <si>
    <t>都道府県名
（漢字）市区町村名
（漢字）</t>
  </si>
  <si>
    <t>団体コード</t>
    <rPh sb="0" eb="2">
      <t>ダンタイ</t>
    </rPh>
    <phoneticPr fontId="1"/>
  </si>
  <si>
    <t>北海道札幌市</t>
  </si>
  <si>
    <t>北海道函館市</t>
  </si>
  <si>
    <t>北海道小樽市</t>
  </si>
  <si>
    <t>北海道旭川市</t>
  </si>
  <si>
    <t>北海道室蘭市</t>
  </si>
  <si>
    <t>北海道釧路市</t>
  </si>
  <si>
    <t>北海道帯広市</t>
  </si>
  <si>
    <t>北海道北見市</t>
  </si>
  <si>
    <t>北海道夕張市</t>
  </si>
  <si>
    <t>北海道岩見沢市</t>
  </si>
  <si>
    <t>北海道網走市</t>
  </si>
  <si>
    <t>北海道留萌市</t>
  </si>
  <si>
    <t>北海道苫小牧市</t>
  </si>
  <si>
    <t>北海道稚内市</t>
  </si>
  <si>
    <t>北海道美唄市</t>
  </si>
  <si>
    <t>北海道芦別市</t>
  </si>
  <si>
    <t>北海道江別市</t>
  </si>
  <si>
    <t>北海道赤平市</t>
  </si>
  <si>
    <t>北海道紋別市</t>
  </si>
  <si>
    <t>北海道士別市</t>
  </si>
  <si>
    <t>北海道名寄市</t>
  </si>
  <si>
    <t>北海道三笠市</t>
  </si>
  <si>
    <t>北海道根室市</t>
  </si>
  <si>
    <t>北海道千歳市</t>
  </si>
  <si>
    <t>北海道滝川市</t>
  </si>
  <si>
    <t>北海道砂川市</t>
  </si>
  <si>
    <t>北海道歌志内市</t>
  </si>
  <si>
    <t>北海道深川市</t>
  </si>
  <si>
    <t>北海道富良野市</t>
  </si>
  <si>
    <t>北海道登別市</t>
  </si>
  <si>
    <t>北海道恵庭市</t>
  </si>
  <si>
    <t>北海道伊達市</t>
  </si>
  <si>
    <t>北海道北広島市</t>
  </si>
  <si>
    <t>北海道石狩市</t>
  </si>
  <si>
    <t>北海道北斗市</t>
  </si>
  <si>
    <t>北海道当別町</t>
  </si>
  <si>
    <t>北海道新篠津村</t>
  </si>
  <si>
    <t>北海道松前町</t>
  </si>
  <si>
    <t>北海道福島町</t>
  </si>
  <si>
    <t>北海道知内町</t>
  </si>
  <si>
    <t>北海道木古内町</t>
  </si>
  <si>
    <t>北海道七飯町</t>
  </si>
  <si>
    <t>北海道鹿部町</t>
  </si>
  <si>
    <t>北海道森町</t>
  </si>
  <si>
    <t>北海道八雲町</t>
  </si>
  <si>
    <t>北海道長万部町</t>
  </si>
  <si>
    <t>北海道江差町</t>
  </si>
  <si>
    <t>北海道上ノ国町</t>
  </si>
  <si>
    <t>北海道厚沢部町</t>
  </si>
  <si>
    <t>北海道乙部町</t>
  </si>
  <si>
    <t>北海道奥尻町</t>
  </si>
  <si>
    <t>北海道今金町</t>
  </si>
  <si>
    <t>北海道せたな町</t>
  </si>
  <si>
    <t>北海道島牧村</t>
  </si>
  <si>
    <t>北海道寿都町</t>
  </si>
  <si>
    <t>北海道黒松内町</t>
  </si>
  <si>
    <t>北海道蘭越町</t>
  </si>
  <si>
    <t>北海道ニセコ町</t>
  </si>
  <si>
    <t>北海道真狩村</t>
  </si>
  <si>
    <t>北海道留寿都村</t>
  </si>
  <si>
    <t>北海道喜茂別町</t>
  </si>
  <si>
    <t>北海道京極町</t>
  </si>
  <si>
    <t>北海道倶知安町</t>
  </si>
  <si>
    <t>北海道共和町</t>
  </si>
  <si>
    <t>北海道岩内町</t>
  </si>
  <si>
    <t>北海道泊村</t>
  </si>
  <si>
    <t>北海道神恵内村</t>
  </si>
  <si>
    <t>北海道積丹町</t>
  </si>
  <si>
    <t>北海道古平町</t>
  </si>
  <si>
    <t>北海道仁木町</t>
  </si>
  <si>
    <t>北海道余市町</t>
  </si>
  <si>
    <t>北海道赤井川村</t>
  </si>
  <si>
    <t>北海道南幌町</t>
  </si>
  <si>
    <t>北海道奈井江町</t>
  </si>
  <si>
    <t>北海道上砂川町</t>
  </si>
  <si>
    <t>北海道由仁町</t>
  </si>
  <si>
    <t>北海道長沼町</t>
  </si>
  <si>
    <t>北海道栗山町</t>
  </si>
  <si>
    <t>北海道月形町</t>
  </si>
  <si>
    <t>北海道浦臼町</t>
  </si>
  <si>
    <t>北海道新十津川町</t>
  </si>
  <si>
    <t>北海道妹背牛町</t>
  </si>
  <si>
    <t>北海道秩父別町</t>
  </si>
  <si>
    <t>北海道雨竜町</t>
  </si>
  <si>
    <t>北海道北竜町</t>
  </si>
  <si>
    <t>北海道沼田町</t>
  </si>
  <si>
    <t>北海道鷹栖町</t>
  </si>
  <si>
    <t>北海道東神楽町</t>
  </si>
  <si>
    <t>北海道当麻町</t>
  </si>
  <si>
    <t>北海道比布町</t>
  </si>
  <si>
    <t>北海道愛別町</t>
  </si>
  <si>
    <t>北海道上川町</t>
  </si>
  <si>
    <t>北海道東川町</t>
  </si>
  <si>
    <t>北海道美瑛町</t>
  </si>
  <si>
    <t>北海道上富良野町</t>
  </si>
  <si>
    <t>北海道中富良野町</t>
  </si>
  <si>
    <t>北海道南富良野町</t>
  </si>
  <si>
    <t>北海道占冠村</t>
  </si>
  <si>
    <t>北海道和寒町</t>
  </si>
  <si>
    <t>北海道剣淵町</t>
  </si>
  <si>
    <t>北海道下川町</t>
  </si>
  <si>
    <t>北海道美深町</t>
  </si>
  <si>
    <t>北海道音威子府村</t>
  </si>
  <si>
    <t>北海道中川町</t>
  </si>
  <si>
    <t>北海道幌加内町</t>
  </si>
  <si>
    <t>北海道増毛町</t>
  </si>
  <si>
    <t>北海道小平町</t>
  </si>
  <si>
    <t>北海道苫前町</t>
  </si>
  <si>
    <t>北海道羽幌町</t>
  </si>
  <si>
    <t>北海道初山別村</t>
  </si>
  <si>
    <t>北海道遠別町</t>
  </si>
  <si>
    <t>北海道天塩町</t>
  </si>
  <si>
    <t>北海道猿払村</t>
  </si>
  <si>
    <t>北海道浜頓別町</t>
  </si>
  <si>
    <t>北海道中頓別町</t>
  </si>
  <si>
    <t>北海道枝幸町</t>
  </si>
  <si>
    <t>北海道豊富町</t>
  </si>
  <si>
    <t>北海道礼文町</t>
  </si>
  <si>
    <t>北海道利尻町</t>
  </si>
  <si>
    <t>北海道利尻富士町</t>
  </si>
  <si>
    <t>北海道幌延町</t>
  </si>
  <si>
    <t>北海道美幌町</t>
  </si>
  <si>
    <t>北海道津別町</t>
  </si>
  <si>
    <t>北海道斜里町</t>
  </si>
  <si>
    <t>北海道清里町</t>
  </si>
  <si>
    <t>北海道小清水町</t>
  </si>
  <si>
    <t>北海道訓子府町</t>
  </si>
  <si>
    <t>北海道置戸町</t>
  </si>
  <si>
    <t>北海道佐呂間町</t>
  </si>
  <si>
    <t>北海道遠軽町</t>
  </si>
  <si>
    <t>北海道湧別町</t>
  </si>
  <si>
    <t>北海道滝上町</t>
  </si>
  <si>
    <t>北海道興部町</t>
  </si>
  <si>
    <t>北海道西興部村</t>
  </si>
  <si>
    <t>北海道雄武町</t>
  </si>
  <si>
    <t>北海道大空町</t>
  </si>
  <si>
    <t>北海道豊浦町</t>
  </si>
  <si>
    <t>北海道壮瞥町</t>
  </si>
  <si>
    <t>北海道白老町</t>
  </si>
  <si>
    <t>北海道厚真町</t>
  </si>
  <si>
    <t>北海道洞爺湖町</t>
  </si>
  <si>
    <t>北海道安平町</t>
  </si>
  <si>
    <t>北海道むかわ町</t>
  </si>
  <si>
    <t>北海道日高町</t>
  </si>
  <si>
    <t>北海道平取町</t>
  </si>
  <si>
    <t>北海道新冠町</t>
  </si>
  <si>
    <t>北海道浦河町</t>
  </si>
  <si>
    <t>北海道様似町</t>
  </si>
  <si>
    <t>北海道えりも町</t>
  </si>
  <si>
    <t>北海道新ひだか町</t>
  </si>
  <si>
    <t>北海道音更町</t>
  </si>
  <si>
    <t>北海道士幌町</t>
  </si>
  <si>
    <t>北海道上士幌町</t>
  </si>
  <si>
    <t>北海道鹿追町</t>
  </si>
  <si>
    <t>北海道新得町</t>
  </si>
  <si>
    <t>北海道清水町</t>
  </si>
  <si>
    <t>北海道芽室町</t>
  </si>
  <si>
    <t>北海道中札内村</t>
  </si>
  <si>
    <t>北海道更別村</t>
  </si>
  <si>
    <t>北海道大樹町</t>
  </si>
  <si>
    <t>北海道広尾町</t>
  </si>
  <si>
    <t>北海道幕別町</t>
  </si>
  <si>
    <t>北海道池田町</t>
  </si>
  <si>
    <t>北海道豊頃町</t>
  </si>
  <si>
    <t>北海道本別町</t>
  </si>
  <si>
    <t>北海道足寄町</t>
  </si>
  <si>
    <t>北海道陸別町</t>
  </si>
  <si>
    <t>北海道浦幌町</t>
  </si>
  <si>
    <t>北海道釧路町</t>
  </si>
  <si>
    <t>北海道厚岸町</t>
  </si>
  <si>
    <t>北海道浜中町</t>
  </si>
  <si>
    <t>北海道標茶町</t>
  </si>
  <si>
    <t>北海道弟子屈町</t>
  </si>
  <si>
    <t>北海道鶴居村</t>
  </si>
  <si>
    <t>北海道白糠町</t>
  </si>
  <si>
    <t>北海道別海町</t>
  </si>
  <si>
    <t>北海道中標津町</t>
  </si>
  <si>
    <t>北海道標津町</t>
  </si>
  <si>
    <t>北海道羅臼町</t>
  </si>
  <si>
    <t>青森県青森市</t>
  </si>
  <si>
    <t>022012</t>
  </si>
  <si>
    <t>青森県弘前市</t>
  </si>
  <si>
    <t>022021</t>
  </si>
  <si>
    <t>青森県八戸市</t>
  </si>
  <si>
    <t>022039</t>
  </si>
  <si>
    <t>青森県黒石市</t>
  </si>
  <si>
    <t>022047</t>
  </si>
  <si>
    <t>青森県五所川原市</t>
  </si>
  <si>
    <t>022055</t>
  </si>
  <si>
    <t>青森県十和田市</t>
  </si>
  <si>
    <t>022063</t>
  </si>
  <si>
    <t>青森県三沢市</t>
  </si>
  <si>
    <t>022071</t>
  </si>
  <si>
    <t>青森県むつ市</t>
  </si>
  <si>
    <t>022080</t>
  </si>
  <si>
    <t>青森県つがる市</t>
  </si>
  <si>
    <t>022098</t>
  </si>
  <si>
    <t>青森県平川市</t>
  </si>
  <si>
    <t>022101</t>
  </si>
  <si>
    <t>青森県平内町</t>
  </si>
  <si>
    <t>023019</t>
  </si>
  <si>
    <t>青森県今別町</t>
  </si>
  <si>
    <t>023035</t>
  </si>
  <si>
    <t>青森県蓬田村</t>
  </si>
  <si>
    <t>023043</t>
  </si>
  <si>
    <t>青森県外ヶ浜町</t>
  </si>
  <si>
    <t>023078</t>
  </si>
  <si>
    <t>青森県鰺ヶ沢町</t>
  </si>
  <si>
    <t>023213</t>
  </si>
  <si>
    <t>青森県深浦町</t>
  </si>
  <si>
    <t>023230</t>
  </si>
  <si>
    <t>青森県西目屋村</t>
  </si>
  <si>
    <t>023434</t>
  </si>
  <si>
    <t>青森県藤崎町</t>
  </si>
  <si>
    <t>023612</t>
  </si>
  <si>
    <t>青森県大鰐町</t>
  </si>
  <si>
    <t>023621</t>
  </si>
  <si>
    <t>青森県田舎館村</t>
  </si>
  <si>
    <t>023671</t>
  </si>
  <si>
    <t>青森県板柳町</t>
  </si>
  <si>
    <t>023817</t>
  </si>
  <si>
    <t>青森県鶴田町</t>
  </si>
  <si>
    <t>023841</t>
  </si>
  <si>
    <t>青森県中泊町</t>
  </si>
  <si>
    <t>023876</t>
  </si>
  <si>
    <t>青森県野辺地町</t>
  </si>
  <si>
    <t>024015</t>
  </si>
  <si>
    <t>青森県七戸町</t>
  </si>
  <si>
    <t>024023</t>
  </si>
  <si>
    <t>青森県六戸町</t>
  </si>
  <si>
    <t>024058</t>
  </si>
  <si>
    <t>青森県横浜町</t>
  </si>
  <si>
    <t>024066</t>
  </si>
  <si>
    <t>青森県東北町</t>
  </si>
  <si>
    <t>024082</t>
  </si>
  <si>
    <t>青森県六ヶ所村</t>
  </si>
  <si>
    <t>024112</t>
  </si>
  <si>
    <t>青森県おいらせ町</t>
  </si>
  <si>
    <t>024121</t>
  </si>
  <si>
    <t>青森県大間町</t>
  </si>
  <si>
    <t>024236</t>
  </si>
  <si>
    <t>青森県東通村</t>
  </si>
  <si>
    <t>024244</t>
  </si>
  <si>
    <t>青森県風間浦村</t>
  </si>
  <si>
    <t>024252</t>
  </si>
  <si>
    <t>青森県佐井村</t>
  </si>
  <si>
    <t>024261</t>
  </si>
  <si>
    <t>青森県三戸町</t>
  </si>
  <si>
    <t>024414</t>
  </si>
  <si>
    <t>青森県五戸町</t>
  </si>
  <si>
    <t>024422</t>
  </si>
  <si>
    <t>青森県田子町</t>
  </si>
  <si>
    <t>024431</t>
  </si>
  <si>
    <t>青森県南部町</t>
  </si>
  <si>
    <t>024457</t>
  </si>
  <si>
    <t>青森県階上町</t>
  </si>
  <si>
    <t>024465</t>
  </si>
  <si>
    <t>青森県新郷村</t>
  </si>
  <si>
    <t>024503</t>
  </si>
  <si>
    <t>岩手県盛岡市</t>
  </si>
  <si>
    <t>032018</t>
  </si>
  <si>
    <t>岩手県宮古市</t>
  </si>
  <si>
    <t>032026</t>
  </si>
  <si>
    <t>岩手県大船渡市</t>
  </si>
  <si>
    <t>032034</t>
  </si>
  <si>
    <t>岩手県花巻市</t>
  </si>
  <si>
    <t>032051</t>
  </si>
  <si>
    <t>岩手県北上市</t>
  </si>
  <si>
    <t>032069</t>
  </si>
  <si>
    <t>岩手県久慈市</t>
  </si>
  <si>
    <t>032077</t>
  </si>
  <si>
    <t>岩手県遠野市</t>
  </si>
  <si>
    <t>032085</t>
  </si>
  <si>
    <t>岩手県一関市</t>
  </si>
  <si>
    <t>032093</t>
  </si>
  <si>
    <t>岩手県陸前高田市</t>
  </si>
  <si>
    <t>032107</t>
  </si>
  <si>
    <t>岩手県釜石市</t>
  </si>
  <si>
    <t>032115</t>
  </si>
  <si>
    <t>岩手県二戸市</t>
  </si>
  <si>
    <t>032131</t>
  </si>
  <si>
    <t>岩手県八幡平市</t>
  </si>
  <si>
    <t>032140</t>
  </si>
  <si>
    <t>岩手県奥州市</t>
  </si>
  <si>
    <t>032158</t>
  </si>
  <si>
    <t>岩手県滝沢市</t>
  </si>
  <si>
    <t>032166</t>
  </si>
  <si>
    <t>岩手県雫石町</t>
  </si>
  <si>
    <t>033014</t>
  </si>
  <si>
    <t>岩手県葛巻町</t>
  </si>
  <si>
    <t>033022</t>
  </si>
  <si>
    <t>岩手県岩手町</t>
  </si>
  <si>
    <t>033031</t>
  </si>
  <si>
    <t>岩手県紫波町</t>
  </si>
  <si>
    <t>033219</t>
  </si>
  <si>
    <t>岩手県矢巾町</t>
  </si>
  <si>
    <t>033227</t>
  </si>
  <si>
    <t>岩手県西和賀町</t>
  </si>
  <si>
    <t>033669</t>
  </si>
  <si>
    <t>岩手県金ケ崎町</t>
  </si>
  <si>
    <t>033812</t>
  </si>
  <si>
    <t>岩手県平泉町</t>
  </si>
  <si>
    <t>034029</t>
  </si>
  <si>
    <t>岩手県住田町</t>
  </si>
  <si>
    <t>034410</t>
  </si>
  <si>
    <t>岩手県大槌町</t>
  </si>
  <si>
    <t>034614</t>
  </si>
  <si>
    <t>岩手県山田町</t>
  </si>
  <si>
    <t>034827</t>
  </si>
  <si>
    <t>岩手県岩泉町</t>
  </si>
  <si>
    <t>034835</t>
  </si>
  <si>
    <t>岩手県田野畑村</t>
  </si>
  <si>
    <t>034843</t>
  </si>
  <si>
    <t>岩手県普代村</t>
  </si>
  <si>
    <t>034851</t>
  </si>
  <si>
    <t>岩手県軽米町</t>
  </si>
  <si>
    <t>035017</t>
  </si>
  <si>
    <t>岩手県野田村</t>
  </si>
  <si>
    <t>035033</t>
  </si>
  <si>
    <t>岩手県九戸村</t>
  </si>
  <si>
    <t>035068</t>
  </si>
  <si>
    <t>岩手県洋野町</t>
  </si>
  <si>
    <t>035076</t>
  </si>
  <si>
    <t>岩手県一戸町</t>
  </si>
  <si>
    <t>035246</t>
  </si>
  <si>
    <t>宮城県仙台市</t>
  </si>
  <si>
    <t>041009</t>
  </si>
  <si>
    <t>宮城県石巻市</t>
  </si>
  <si>
    <t>042021</t>
  </si>
  <si>
    <t>宮城県塩竈市</t>
  </si>
  <si>
    <t>042030</t>
  </si>
  <si>
    <t>宮城県気仙沼市</t>
  </si>
  <si>
    <t>042056</t>
  </si>
  <si>
    <t>宮城県白石市</t>
  </si>
  <si>
    <t>042064</t>
  </si>
  <si>
    <t>宮城県名取市</t>
  </si>
  <si>
    <t>042072</t>
  </si>
  <si>
    <t>宮城県角田市</t>
  </si>
  <si>
    <t>042081</t>
  </si>
  <si>
    <t>宮城県多賀城市</t>
  </si>
  <si>
    <t>042099</t>
  </si>
  <si>
    <t>宮城県岩沼市</t>
  </si>
  <si>
    <t>042111</t>
  </si>
  <si>
    <t>宮城県登米市</t>
  </si>
  <si>
    <t>042129</t>
  </si>
  <si>
    <t>宮城県栗原市</t>
  </si>
  <si>
    <t>042137</t>
  </si>
  <si>
    <t>宮城県東松島市</t>
  </si>
  <si>
    <t>042145</t>
  </si>
  <si>
    <t>宮城県大崎市</t>
  </si>
  <si>
    <t>042153</t>
  </si>
  <si>
    <t>宮城県富谷市</t>
  </si>
  <si>
    <t>042161</t>
  </si>
  <si>
    <t>宮城県蔵王町</t>
  </si>
  <si>
    <t>043010</t>
  </si>
  <si>
    <t>宮城県七ヶ宿町</t>
  </si>
  <si>
    <t>043028</t>
  </si>
  <si>
    <t>宮城県大河原町</t>
  </si>
  <si>
    <t>043214</t>
  </si>
  <si>
    <t>宮城県村田町</t>
  </si>
  <si>
    <t>043222</t>
  </si>
  <si>
    <t>宮城県柴田町</t>
  </si>
  <si>
    <t>043231</t>
  </si>
  <si>
    <t>宮城県川崎町</t>
  </si>
  <si>
    <t>043249</t>
  </si>
  <si>
    <t>宮城県丸森町</t>
  </si>
  <si>
    <t>043419</t>
  </si>
  <si>
    <t>宮城県亘理町</t>
  </si>
  <si>
    <t>043613</t>
  </si>
  <si>
    <t>宮城県山元町</t>
  </si>
  <si>
    <t>043621</t>
  </si>
  <si>
    <t>宮城県松島町</t>
  </si>
  <si>
    <t>044016</t>
  </si>
  <si>
    <t>宮城県七ヶ浜町</t>
  </si>
  <si>
    <t>044041</t>
  </si>
  <si>
    <t>宮城県利府町</t>
  </si>
  <si>
    <t>044067</t>
  </si>
  <si>
    <t>宮城県大和町</t>
  </si>
  <si>
    <t>044211</t>
  </si>
  <si>
    <t>宮城県大郷町</t>
  </si>
  <si>
    <t>044229</t>
  </si>
  <si>
    <t>宮城県大衡村</t>
  </si>
  <si>
    <t>044245</t>
  </si>
  <si>
    <t>宮城県色麻町</t>
  </si>
  <si>
    <t>044440</t>
  </si>
  <si>
    <t>宮城県加美町</t>
  </si>
  <si>
    <t>044458</t>
  </si>
  <si>
    <t>宮城県涌谷町</t>
  </si>
  <si>
    <t>045012</t>
  </si>
  <si>
    <t>宮城県美里町</t>
  </si>
  <si>
    <t>045055</t>
  </si>
  <si>
    <t>宮城県女川町</t>
  </si>
  <si>
    <t>045811</t>
  </si>
  <si>
    <t>宮城県南三陸町</t>
  </si>
  <si>
    <t>046060</t>
  </si>
  <si>
    <t>秋田県秋田市</t>
  </si>
  <si>
    <t>052019</t>
  </si>
  <si>
    <t>秋田県能代市</t>
  </si>
  <si>
    <t>052027</t>
  </si>
  <si>
    <t>秋田県横手市</t>
  </si>
  <si>
    <t>052035</t>
  </si>
  <si>
    <t>秋田県大館市</t>
  </si>
  <si>
    <t>052043</t>
  </si>
  <si>
    <t>秋田県男鹿市</t>
  </si>
  <si>
    <t>052060</t>
  </si>
  <si>
    <t>秋田県湯沢市</t>
  </si>
  <si>
    <t>052078</t>
  </si>
  <si>
    <t>秋田県鹿角市</t>
  </si>
  <si>
    <t>052094</t>
  </si>
  <si>
    <t>秋田県由利本荘市</t>
  </si>
  <si>
    <t>052108</t>
  </si>
  <si>
    <t>秋田県潟上市</t>
  </si>
  <si>
    <t>052116</t>
  </si>
  <si>
    <t>秋田県大仙市</t>
  </si>
  <si>
    <t>052124</t>
  </si>
  <si>
    <t>秋田県北秋田市</t>
  </si>
  <si>
    <t>052132</t>
  </si>
  <si>
    <t>秋田県にかほ市</t>
  </si>
  <si>
    <t>052141</t>
  </si>
  <si>
    <t>秋田県仙北市</t>
  </si>
  <si>
    <t>052159</t>
  </si>
  <si>
    <t>秋田県小坂町</t>
  </si>
  <si>
    <t>053031</t>
  </si>
  <si>
    <t>秋田県上小阿仁村</t>
  </si>
  <si>
    <t>053279</t>
  </si>
  <si>
    <t>秋田県藤里町</t>
  </si>
  <si>
    <t>053465</t>
  </si>
  <si>
    <t>秋田県三種町</t>
  </si>
  <si>
    <t>053481</t>
  </si>
  <si>
    <t>秋田県八峰町</t>
  </si>
  <si>
    <t>053490</t>
  </si>
  <si>
    <t>秋田県五城目町</t>
  </si>
  <si>
    <t>053619</t>
  </si>
  <si>
    <t>秋田県八郎潟町</t>
  </si>
  <si>
    <t>053635</t>
  </si>
  <si>
    <t>秋田県井川町</t>
  </si>
  <si>
    <t>053660</t>
  </si>
  <si>
    <t>秋田県大潟村</t>
  </si>
  <si>
    <t>053686</t>
  </si>
  <si>
    <t>秋田県美郷町</t>
  </si>
  <si>
    <t>054348</t>
  </si>
  <si>
    <t>秋田県羽後町</t>
  </si>
  <si>
    <t>054631</t>
  </si>
  <si>
    <t>秋田県東成瀬村</t>
  </si>
  <si>
    <t>054640</t>
  </si>
  <si>
    <t>山形県山形市</t>
  </si>
  <si>
    <t>062014</t>
  </si>
  <si>
    <t>山形県米沢市</t>
  </si>
  <si>
    <t>062022</t>
  </si>
  <si>
    <t>山形県鶴岡市</t>
  </si>
  <si>
    <t>062031</t>
  </si>
  <si>
    <t>山形県酒田市</t>
  </si>
  <si>
    <t>062049</t>
  </si>
  <si>
    <t>山形県新庄市</t>
  </si>
  <si>
    <t>062057</t>
  </si>
  <si>
    <t>山形県寒河江市</t>
  </si>
  <si>
    <t>062065</t>
  </si>
  <si>
    <t>山形県上山市</t>
  </si>
  <si>
    <t>062073</t>
  </si>
  <si>
    <t>山形県村山市</t>
  </si>
  <si>
    <t>062081</t>
  </si>
  <si>
    <t>山形県長井市</t>
  </si>
  <si>
    <t>062090</t>
  </si>
  <si>
    <t>山形県天童市</t>
  </si>
  <si>
    <t>062103</t>
  </si>
  <si>
    <t>山形県東根市</t>
  </si>
  <si>
    <t>062111</t>
  </si>
  <si>
    <t>山形県尾花沢市</t>
  </si>
  <si>
    <t>062120</t>
  </si>
  <si>
    <t>山形県南陽市</t>
  </si>
  <si>
    <t>062138</t>
  </si>
  <si>
    <t>山形県山辺町</t>
  </si>
  <si>
    <t>063011</t>
  </si>
  <si>
    <t>山形県中山町</t>
  </si>
  <si>
    <t>063029</t>
  </si>
  <si>
    <t>山形県河北町</t>
  </si>
  <si>
    <t>063215</t>
  </si>
  <si>
    <t>山形県西川町</t>
  </si>
  <si>
    <t>063223</t>
  </si>
  <si>
    <t>山形県朝日町</t>
  </si>
  <si>
    <t>063231</t>
  </si>
  <si>
    <t>山形県大江町</t>
  </si>
  <si>
    <t>063240</t>
  </si>
  <si>
    <t>山形県大石田町</t>
  </si>
  <si>
    <t>063410</t>
  </si>
  <si>
    <t>山形県金山町</t>
  </si>
  <si>
    <t>063614</t>
  </si>
  <si>
    <t>山形県最上町</t>
  </si>
  <si>
    <t>063622</t>
  </si>
  <si>
    <t>山形県舟形町</t>
  </si>
  <si>
    <t>063631</t>
  </si>
  <si>
    <t>山形県真室川町</t>
  </si>
  <si>
    <t>063649</t>
  </si>
  <si>
    <t>山形県大蔵村</t>
  </si>
  <si>
    <t>063657</t>
  </si>
  <si>
    <t>山形県鮭川村</t>
  </si>
  <si>
    <t>063665</t>
  </si>
  <si>
    <t>山形県戸沢村</t>
  </si>
  <si>
    <t>063673</t>
  </si>
  <si>
    <t>山形県高畠町</t>
  </si>
  <si>
    <t>063819</t>
  </si>
  <si>
    <t>山形県川西町</t>
  </si>
  <si>
    <t>063827</t>
  </si>
  <si>
    <t>山形県小国町</t>
  </si>
  <si>
    <t>064017</t>
  </si>
  <si>
    <t>山形県白鷹町</t>
  </si>
  <si>
    <t>064025</t>
  </si>
  <si>
    <t>山形県飯豊町</t>
  </si>
  <si>
    <t>064033</t>
  </si>
  <si>
    <t>山形県三川町</t>
  </si>
  <si>
    <t>064262</t>
  </si>
  <si>
    <t>山形県庄内町</t>
  </si>
  <si>
    <t>064289</t>
  </si>
  <si>
    <t>山形県遊佐町</t>
  </si>
  <si>
    <t>064611</t>
  </si>
  <si>
    <t>福島県福島市</t>
  </si>
  <si>
    <t>072010</t>
  </si>
  <si>
    <t>福島県会津若松市</t>
  </si>
  <si>
    <t>072028</t>
  </si>
  <si>
    <t>福島県郡山市</t>
  </si>
  <si>
    <t>072036</t>
  </si>
  <si>
    <t>福島県いわき市</t>
  </si>
  <si>
    <t>072044</t>
  </si>
  <si>
    <t>福島県白河市</t>
  </si>
  <si>
    <t>072052</t>
  </si>
  <si>
    <t>福島県須賀川市</t>
  </si>
  <si>
    <t>072079</t>
  </si>
  <si>
    <t>福島県喜多方市</t>
  </si>
  <si>
    <t>072087</t>
  </si>
  <si>
    <t>福島県相馬市</t>
  </si>
  <si>
    <t>072095</t>
  </si>
  <si>
    <t>福島県二本松市</t>
  </si>
  <si>
    <t>072109</t>
  </si>
  <si>
    <t>福島県田村市</t>
  </si>
  <si>
    <t>072117</t>
  </si>
  <si>
    <t>福島県南相馬市</t>
  </si>
  <si>
    <t>072125</t>
  </si>
  <si>
    <t>福島県伊達市</t>
  </si>
  <si>
    <t>072133</t>
  </si>
  <si>
    <t>福島県本宮市</t>
  </si>
  <si>
    <t>072141</t>
  </si>
  <si>
    <t>福島県桑折町</t>
  </si>
  <si>
    <t>073016</t>
  </si>
  <si>
    <t>福島県国見町</t>
  </si>
  <si>
    <t>073032</t>
  </si>
  <si>
    <t>福島県川俣町</t>
  </si>
  <si>
    <t>073083</t>
  </si>
  <si>
    <t>福島県大玉村</t>
  </si>
  <si>
    <t>073229</t>
  </si>
  <si>
    <t>福島県鏡石町</t>
  </si>
  <si>
    <t>073423</t>
  </si>
  <si>
    <t>福島県天栄村</t>
  </si>
  <si>
    <t>073440</t>
  </si>
  <si>
    <t>福島県下郷町</t>
  </si>
  <si>
    <t>073628</t>
  </si>
  <si>
    <t>福島県檜枝岐村</t>
  </si>
  <si>
    <t>073644</t>
  </si>
  <si>
    <t>福島県只見町</t>
  </si>
  <si>
    <t>073679</t>
  </si>
  <si>
    <t>福島県南会津町</t>
  </si>
  <si>
    <t>073687</t>
  </si>
  <si>
    <t>福島県北塩原村</t>
  </si>
  <si>
    <t>074021</t>
  </si>
  <si>
    <t>福島県西会津町</t>
  </si>
  <si>
    <t>074055</t>
  </si>
  <si>
    <t>福島県磐梯町</t>
  </si>
  <si>
    <t>074071</t>
  </si>
  <si>
    <t>福島県猪苗代町</t>
  </si>
  <si>
    <t>074080</t>
  </si>
  <si>
    <t>福島県会津坂下町</t>
  </si>
  <si>
    <t>074217</t>
  </si>
  <si>
    <t>福島県湯川村</t>
  </si>
  <si>
    <t>074225</t>
  </si>
  <si>
    <t>福島県柳津町</t>
  </si>
  <si>
    <t>074233</t>
  </si>
  <si>
    <t>福島県三島町</t>
  </si>
  <si>
    <t>074446</t>
  </si>
  <si>
    <t>福島県金山町</t>
  </si>
  <si>
    <t>074454</t>
  </si>
  <si>
    <t>福島県昭和村</t>
  </si>
  <si>
    <t>074462</t>
  </si>
  <si>
    <t>福島県会津美里町</t>
  </si>
  <si>
    <t>074471</t>
  </si>
  <si>
    <t>福島県西郷村</t>
  </si>
  <si>
    <t>074616</t>
  </si>
  <si>
    <t>福島県泉崎村</t>
  </si>
  <si>
    <t>074641</t>
  </si>
  <si>
    <t>福島県中島村</t>
  </si>
  <si>
    <t>074659</t>
  </si>
  <si>
    <t>福島県矢吹町</t>
  </si>
  <si>
    <t>074667</t>
  </si>
  <si>
    <t>福島県棚倉町</t>
  </si>
  <si>
    <t>074811</t>
  </si>
  <si>
    <t>福島県矢祭町</t>
  </si>
  <si>
    <t>074829</t>
  </si>
  <si>
    <t>福島県塙町</t>
  </si>
  <si>
    <t>074837</t>
  </si>
  <si>
    <t>福島県鮫川村</t>
  </si>
  <si>
    <t>074845</t>
  </si>
  <si>
    <t>福島県石川町</t>
  </si>
  <si>
    <t>075019</t>
  </si>
  <si>
    <t>福島県玉川村</t>
  </si>
  <si>
    <t>075027</t>
  </si>
  <si>
    <t>福島県平田村</t>
  </si>
  <si>
    <t>075035</t>
  </si>
  <si>
    <t>福島県浅川町</t>
  </si>
  <si>
    <t>075043</t>
  </si>
  <si>
    <t>福島県古殿町</t>
  </si>
  <si>
    <t>075051</t>
  </si>
  <si>
    <t>福島県三春町</t>
  </si>
  <si>
    <t>075213</t>
  </si>
  <si>
    <t>福島県小野町</t>
  </si>
  <si>
    <t>075221</t>
  </si>
  <si>
    <t>福島県広野町</t>
  </si>
  <si>
    <t>075418</t>
  </si>
  <si>
    <t>福島県楢葉町</t>
  </si>
  <si>
    <t>075426</t>
  </si>
  <si>
    <t>福島県富岡町</t>
  </si>
  <si>
    <t>075434</t>
  </si>
  <si>
    <t>福島県川内村</t>
  </si>
  <si>
    <t>075442</t>
  </si>
  <si>
    <t>福島県大熊町</t>
  </si>
  <si>
    <t>075451</t>
  </si>
  <si>
    <t>福島県双葉町</t>
  </si>
  <si>
    <t>075469</t>
  </si>
  <si>
    <t>福島県浪江町</t>
  </si>
  <si>
    <t>075477</t>
  </si>
  <si>
    <t>福島県葛尾村</t>
  </si>
  <si>
    <t>075485</t>
  </si>
  <si>
    <t>福島県新地町</t>
  </si>
  <si>
    <t>075612</t>
  </si>
  <si>
    <t>福島県飯舘村</t>
  </si>
  <si>
    <t>075647</t>
  </si>
  <si>
    <t>茨城県水戸市</t>
  </si>
  <si>
    <t>082015</t>
  </si>
  <si>
    <t>茨城県日立市</t>
  </si>
  <si>
    <t>082023</t>
  </si>
  <si>
    <t>茨城県土浦市</t>
  </si>
  <si>
    <t>082031</t>
  </si>
  <si>
    <t>茨城県古河市</t>
  </si>
  <si>
    <t>082040</t>
  </si>
  <si>
    <t>茨城県石岡市</t>
  </si>
  <si>
    <t>082058</t>
  </si>
  <si>
    <t>茨城県結城市</t>
  </si>
  <si>
    <t>082074</t>
  </si>
  <si>
    <t>茨城県龍ケ崎市</t>
  </si>
  <si>
    <t>082082</t>
  </si>
  <si>
    <t>茨城県下妻市</t>
  </si>
  <si>
    <t>082104</t>
  </si>
  <si>
    <t>茨城県常総市</t>
  </si>
  <si>
    <t>082112</t>
  </si>
  <si>
    <t>茨城県常陸太田市</t>
  </si>
  <si>
    <t>082121</t>
  </si>
  <si>
    <t>茨城県高萩市</t>
  </si>
  <si>
    <t>082147</t>
  </si>
  <si>
    <t>茨城県北茨城市</t>
  </si>
  <si>
    <t>082155</t>
  </si>
  <si>
    <t>茨城県笠間市</t>
  </si>
  <si>
    <t>082163</t>
  </si>
  <si>
    <t>茨城県取手市</t>
  </si>
  <si>
    <t>082171</t>
  </si>
  <si>
    <t>茨城県牛久市</t>
  </si>
  <si>
    <t>082198</t>
  </si>
  <si>
    <t>茨城県つくば市</t>
  </si>
  <si>
    <t>082201</t>
  </si>
  <si>
    <t>茨城県ひたちなか市</t>
  </si>
  <si>
    <t>082210</t>
  </si>
  <si>
    <t>茨城県鹿嶋市</t>
  </si>
  <si>
    <t>082228</t>
  </si>
  <si>
    <t>茨城県潮来市</t>
  </si>
  <si>
    <t>082236</t>
  </si>
  <si>
    <t>茨城県守谷市</t>
  </si>
  <si>
    <t>082244</t>
  </si>
  <si>
    <t>茨城県常陸大宮市</t>
  </si>
  <si>
    <t>082252</t>
  </si>
  <si>
    <t>茨城県那珂市</t>
  </si>
  <si>
    <t>082261</t>
  </si>
  <si>
    <t>茨城県筑西市</t>
  </si>
  <si>
    <t>082279</t>
  </si>
  <si>
    <t>茨城県坂東市</t>
  </si>
  <si>
    <t>082287</t>
  </si>
  <si>
    <t>茨城県稲敷市</t>
  </si>
  <si>
    <t>082295</t>
  </si>
  <si>
    <t>茨城県かすみがうら市</t>
  </si>
  <si>
    <t>082309</t>
  </si>
  <si>
    <t>茨城県桜川市</t>
  </si>
  <si>
    <t>082317</t>
  </si>
  <si>
    <t>茨城県神栖市</t>
  </si>
  <si>
    <t>082325</t>
  </si>
  <si>
    <t>茨城県行方市</t>
  </si>
  <si>
    <t>082333</t>
  </si>
  <si>
    <t>茨城県鉾田市</t>
  </si>
  <si>
    <t>082341</t>
  </si>
  <si>
    <t>茨城県つくばみらい市</t>
  </si>
  <si>
    <t>082350</t>
  </si>
  <si>
    <t>茨城県小美玉市</t>
  </si>
  <si>
    <t>082368</t>
  </si>
  <si>
    <t>茨城県茨城町</t>
  </si>
  <si>
    <t>083020</t>
  </si>
  <si>
    <t>茨城県大洗町</t>
  </si>
  <si>
    <t>083097</t>
  </si>
  <si>
    <t>茨城県城里町</t>
  </si>
  <si>
    <t>083101</t>
  </si>
  <si>
    <t>茨城県東海村</t>
  </si>
  <si>
    <t>083411</t>
  </si>
  <si>
    <t>茨城県大子町</t>
  </si>
  <si>
    <t>083640</t>
  </si>
  <si>
    <t>茨城県美浦村</t>
  </si>
  <si>
    <t>084425</t>
  </si>
  <si>
    <t>茨城県阿見町</t>
  </si>
  <si>
    <t>084433</t>
  </si>
  <si>
    <t>茨城県河内町</t>
  </si>
  <si>
    <t>084476</t>
  </si>
  <si>
    <t>茨城県八千代町</t>
  </si>
  <si>
    <t>085219</t>
  </si>
  <si>
    <t>茨城県五霞町</t>
  </si>
  <si>
    <t>085421</t>
  </si>
  <si>
    <t>茨城県境町</t>
  </si>
  <si>
    <t>085464</t>
  </si>
  <si>
    <t>茨城県利根町</t>
  </si>
  <si>
    <t>085642</t>
  </si>
  <si>
    <t>栃木県宇都宮市</t>
  </si>
  <si>
    <t>092011</t>
  </si>
  <si>
    <t>栃木県足利市</t>
  </si>
  <si>
    <t>092029</t>
  </si>
  <si>
    <t>栃木県栃木市</t>
  </si>
  <si>
    <t>092037</t>
  </si>
  <si>
    <t>栃木県佐野市</t>
  </si>
  <si>
    <t>092045</t>
  </si>
  <si>
    <t>栃木県鹿沼市</t>
  </si>
  <si>
    <t>092053</t>
  </si>
  <si>
    <t>栃木県日光市</t>
  </si>
  <si>
    <t>092061</t>
  </si>
  <si>
    <t>栃木県小山市</t>
  </si>
  <si>
    <t>092088</t>
  </si>
  <si>
    <t>栃木県真岡市</t>
  </si>
  <si>
    <t>092096</t>
  </si>
  <si>
    <t>栃木県大田原市</t>
  </si>
  <si>
    <t>092100</t>
  </si>
  <si>
    <t>栃木県矢板市</t>
  </si>
  <si>
    <t>092118</t>
  </si>
  <si>
    <t>栃木県那須塩原市</t>
  </si>
  <si>
    <t>092134</t>
  </si>
  <si>
    <t>栃木県さくら市</t>
  </si>
  <si>
    <t>092142</t>
  </si>
  <si>
    <t>栃木県那須烏山市</t>
  </si>
  <si>
    <t>092151</t>
  </si>
  <si>
    <t>栃木県下野市</t>
  </si>
  <si>
    <t>092169</t>
  </si>
  <si>
    <t>栃木県上三川町</t>
  </si>
  <si>
    <t>093017</t>
  </si>
  <si>
    <t>栃木県益子町</t>
  </si>
  <si>
    <t>093424</t>
  </si>
  <si>
    <t>栃木県茂木町</t>
  </si>
  <si>
    <t>093432</t>
  </si>
  <si>
    <t>栃木県市貝町</t>
  </si>
  <si>
    <t>093441</t>
  </si>
  <si>
    <t>栃木県芳賀町</t>
  </si>
  <si>
    <t>093459</t>
  </si>
  <si>
    <t>栃木県壬生町</t>
  </si>
  <si>
    <t>093611</t>
  </si>
  <si>
    <t>栃木県野木町</t>
  </si>
  <si>
    <t>093645</t>
  </si>
  <si>
    <t>栃木県塩谷町</t>
  </si>
  <si>
    <t>093840</t>
  </si>
  <si>
    <t>栃木県高根沢町</t>
  </si>
  <si>
    <t>093866</t>
  </si>
  <si>
    <t>栃木県那須町</t>
  </si>
  <si>
    <t>094072</t>
  </si>
  <si>
    <t>栃木県那珂川町</t>
  </si>
  <si>
    <t>094111</t>
  </si>
  <si>
    <t>群馬県前橋市</t>
  </si>
  <si>
    <t>102016</t>
  </si>
  <si>
    <t>群馬県高崎市</t>
  </si>
  <si>
    <t>102024</t>
  </si>
  <si>
    <t>群馬県桐生市</t>
  </si>
  <si>
    <t>102032</t>
  </si>
  <si>
    <t>群馬県伊勢崎市</t>
  </si>
  <si>
    <t>102041</t>
  </si>
  <si>
    <t>群馬県太田市</t>
  </si>
  <si>
    <t>102059</t>
  </si>
  <si>
    <t>群馬県沼田市</t>
  </si>
  <si>
    <t>102067</t>
  </si>
  <si>
    <t>群馬県館林市</t>
  </si>
  <si>
    <t>102075</t>
  </si>
  <si>
    <t>群馬県渋川市</t>
  </si>
  <si>
    <t>102083</t>
  </si>
  <si>
    <t>群馬県藤岡市</t>
  </si>
  <si>
    <t>102091</t>
  </si>
  <si>
    <t>群馬県富岡市</t>
  </si>
  <si>
    <t>102105</t>
  </si>
  <si>
    <t>群馬県安中市</t>
  </si>
  <si>
    <t>102113</t>
  </si>
  <si>
    <t>群馬県みどり市</t>
  </si>
  <si>
    <t>102121</t>
  </si>
  <si>
    <t>群馬県榛東村</t>
  </si>
  <si>
    <t>103446</t>
  </si>
  <si>
    <t>群馬県吉岡町</t>
  </si>
  <si>
    <t>103454</t>
  </si>
  <si>
    <t>群馬県上野村</t>
  </si>
  <si>
    <t>103667</t>
  </si>
  <si>
    <t>群馬県神流町</t>
  </si>
  <si>
    <t>103675</t>
  </si>
  <si>
    <t>群馬県下仁田町</t>
  </si>
  <si>
    <t>103829</t>
  </si>
  <si>
    <t>群馬県南牧村</t>
  </si>
  <si>
    <t>103837</t>
  </si>
  <si>
    <t>群馬県甘楽町</t>
  </si>
  <si>
    <t>103845</t>
  </si>
  <si>
    <t>群馬県中之条町</t>
  </si>
  <si>
    <t>104213</t>
  </si>
  <si>
    <t>群馬県長野原町</t>
  </si>
  <si>
    <t>104248</t>
  </si>
  <si>
    <t>群馬県嬬恋村</t>
  </si>
  <si>
    <t>104256</t>
  </si>
  <si>
    <t>群馬県草津町</t>
  </si>
  <si>
    <t>104264</t>
  </si>
  <si>
    <t>群馬県高山村</t>
  </si>
  <si>
    <t>104281</t>
  </si>
  <si>
    <t>群馬県東吾妻町</t>
  </si>
  <si>
    <t>104299</t>
  </si>
  <si>
    <t>群馬県片品村</t>
  </si>
  <si>
    <t>104434</t>
  </si>
  <si>
    <t>群馬県川場村</t>
  </si>
  <si>
    <t>104442</t>
  </si>
  <si>
    <t>群馬県昭和村</t>
  </si>
  <si>
    <t>104485</t>
  </si>
  <si>
    <t>群馬県みなかみ町</t>
  </si>
  <si>
    <t>104493</t>
  </si>
  <si>
    <t>群馬県玉村町</t>
  </si>
  <si>
    <t>104647</t>
  </si>
  <si>
    <t>群馬県板倉町</t>
  </si>
  <si>
    <t>105210</t>
  </si>
  <si>
    <t>群馬県明和町</t>
  </si>
  <si>
    <t>105228</t>
  </si>
  <si>
    <t>群馬県千代田町</t>
  </si>
  <si>
    <t>105236</t>
  </si>
  <si>
    <t>群馬県大泉町</t>
  </si>
  <si>
    <t>105244</t>
  </si>
  <si>
    <t>群馬県邑楽町</t>
  </si>
  <si>
    <t>105252</t>
  </si>
  <si>
    <t>埼玉県さいたま市</t>
  </si>
  <si>
    <t>111007</t>
  </si>
  <si>
    <t>埼玉県川越市</t>
  </si>
  <si>
    <t>112011</t>
  </si>
  <si>
    <t>埼玉県熊谷市</t>
  </si>
  <si>
    <t>112020</t>
  </si>
  <si>
    <t>埼玉県川口市</t>
  </si>
  <si>
    <t>112038</t>
  </si>
  <si>
    <t>埼玉県行田市</t>
  </si>
  <si>
    <t>112062</t>
  </si>
  <si>
    <t>埼玉県秩父市</t>
  </si>
  <si>
    <t>112071</t>
  </si>
  <si>
    <t>埼玉県所沢市</t>
  </si>
  <si>
    <t>112089</t>
  </si>
  <si>
    <t>埼玉県飯能市</t>
  </si>
  <si>
    <t>112097</t>
  </si>
  <si>
    <t>埼玉県加須市</t>
  </si>
  <si>
    <t>112101</t>
  </si>
  <si>
    <t>埼玉県本庄市</t>
  </si>
  <si>
    <t>112119</t>
  </si>
  <si>
    <t>埼玉県東松山市</t>
  </si>
  <si>
    <t>112127</t>
  </si>
  <si>
    <t>埼玉県春日部市</t>
  </si>
  <si>
    <t>112143</t>
  </si>
  <si>
    <t>埼玉県狭山市</t>
  </si>
  <si>
    <t>112151</t>
  </si>
  <si>
    <t>埼玉県羽生市</t>
  </si>
  <si>
    <t>112160</t>
  </si>
  <si>
    <t>埼玉県鴻巣市</t>
  </si>
  <si>
    <t>112178</t>
  </si>
  <si>
    <t>埼玉県深谷市</t>
  </si>
  <si>
    <t>112186</t>
  </si>
  <si>
    <t>埼玉県上尾市</t>
  </si>
  <si>
    <t>112194</t>
  </si>
  <si>
    <t>埼玉県草加市</t>
  </si>
  <si>
    <t>112216</t>
  </si>
  <si>
    <t>埼玉県越谷市</t>
  </si>
  <si>
    <t>112224</t>
  </si>
  <si>
    <t>埼玉県蕨市</t>
  </si>
  <si>
    <t>112232</t>
  </si>
  <si>
    <t>埼玉県戸田市</t>
  </si>
  <si>
    <t>112241</t>
  </si>
  <si>
    <t>埼玉県入間市</t>
  </si>
  <si>
    <t>112259</t>
  </si>
  <si>
    <t>埼玉県朝霞市</t>
  </si>
  <si>
    <t>112275</t>
  </si>
  <si>
    <t>埼玉県志木市</t>
  </si>
  <si>
    <t>112283</t>
  </si>
  <si>
    <t>埼玉県和光市</t>
  </si>
  <si>
    <t>112291</t>
  </si>
  <si>
    <t>埼玉県新座市</t>
  </si>
  <si>
    <t>112305</t>
  </si>
  <si>
    <t>埼玉県桶川市</t>
  </si>
  <si>
    <t>112313</t>
  </si>
  <si>
    <t>埼玉県久喜市</t>
  </si>
  <si>
    <t>112321</t>
  </si>
  <si>
    <t>埼玉県北本市</t>
  </si>
  <si>
    <t>112330</t>
  </si>
  <si>
    <t>埼玉県八潮市</t>
  </si>
  <si>
    <t>112348</t>
  </si>
  <si>
    <t>埼玉県富士見市</t>
  </si>
  <si>
    <t>112356</t>
  </si>
  <si>
    <t>埼玉県三郷市</t>
  </si>
  <si>
    <t>112372</t>
  </si>
  <si>
    <t>埼玉県蓮田市</t>
  </si>
  <si>
    <t>112381</t>
  </si>
  <si>
    <t>埼玉県坂戸市</t>
  </si>
  <si>
    <t>112399</t>
  </si>
  <si>
    <t>埼玉県幸手市</t>
  </si>
  <si>
    <t>112402</t>
  </si>
  <si>
    <t>埼玉県鶴ヶ島市</t>
  </si>
  <si>
    <t>112411</t>
  </si>
  <si>
    <t>埼玉県日高市</t>
  </si>
  <si>
    <t>112429</t>
  </si>
  <si>
    <t>埼玉県吉川市</t>
  </si>
  <si>
    <t>112437</t>
  </si>
  <si>
    <t>埼玉県ふじみ野市</t>
  </si>
  <si>
    <t>112453</t>
  </si>
  <si>
    <t>埼玉県白岡市</t>
  </si>
  <si>
    <t>112461</t>
  </si>
  <si>
    <t>埼玉県伊奈町</t>
  </si>
  <si>
    <t>113018</t>
  </si>
  <si>
    <t>埼玉県三芳町</t>
  </si>
  <si>
    <t>113247</t>
  </si>
  <si>
    <t>埼玉県毛呂山町</t>
  </si>
  <si>
    <t>113263</t>
  </si>
  <si>
    <t>埼玉県越生町</t>
  </si>
  <si>
    <t>113271</t>
  </si>
  <si>
    <t>埼玉県滑川町</t>
  </si>
  <si>
    <t>113417</t>
  </si>
  <si>
    <t>埼玉県嵐山町</t>
  </si>
  <si>
    <t>113425</t>
  </si>
  <si>
    <t>埼玉県小川町</t>
  </si>
  <si>
    <t>113433</t>
  </si>
  <si>
    <t>埼玉県川島町</t>
  </si>
  <si>
    <t>113468</t>
  </si>
  <si>
    <t>埼玉県吉見町</t>
  </si>
  <si>
    <t>113476</t>
  </si>
  <si>
    <t>埼玉県鳩山町</t>
  </si>
  <si>
    <t>113484</t>
  </si>
  <si>
    <t>埼玉県ときがわ町</t>
  </si>
  <si>
    <t>113492</t>
  </si>
  <si>
    <t>埼玉県横瀬町</t>
  </si>
  <si>
    <t>113611</t>
  </si>
  <si>
    <t>埼玉県皆野町</t>
  </si>
  <si>
    <t>113620</t>
  </si>
  <si>
    <t>埼玉県長瀞町</t>
  </si>
  <si>
    <t>113638</t>
  </si>
  <si>
    <t>埼玉県小鹿野町</t>
  </si>
  <si>
    <t>113654</t>
  </si>
  <si>
    <t>埼玉県東秩父村</t>
  </si>
  <si>
    <t>113697</t>
  </si>
  <si>
    <t>埼玉県美里町</t>
  </si>
  <si>
    <t>113816</t>
  </si>
  <si>
    <t>埼玉県神川町</t>
  </si>
  <si>
    <t>113832</t>
  </si>
  <si>
    <t>埼玉県上里町</t>
  </si>
  <si>
    <t>113859</t>
  </si>
  <si>
    <t>埼玉県寄居町</t>
  </si>
  <si>
    <t>114081</t>
  </si>
  <si>
    <t>埼玉県宮代町</t>
  </si>
  <si>
    <t>114421</t>
  </si>
  <si>
    <t>埼玉県杉戸町</t>
  </si>
  <si>
    <t>114642</t>
  </si>
  <si>
    <t>埼玉県松伏町</t>
  </si>
  <si>
    <t>114651</t>
  </si>
  <si>
    <t>千葉県千葉市</t>
  </si>
  <si>
    <t>121002</t>
  </si>
  <si>
    <t>千葉県銚子市</t>
  </si>
  <si>
    <t>122025</t>
  </si>
  <si>
    <t>千葉県市川市</t>
  </si>
  <si>
    <t>122033</t>
  </si>
  <si>
    <t>千葉県船橋市</t>
  </si>
  <si>
    <t>122041</t>
  </si>
  <si>
    <t>千葉県館山市</t>
  </si>
  <si>
    <t>122050</t>
  </si>
  <si>
    <t>千葉県木更津市</t>
  </si>
  <si>
    <t>122068</t>
  </si>
  <si>
    <t>千葉県松戸市</t>
  </si>
  <si>
    <t>122076</t>
  </si>
  <si>
    <t>千葉県野田市</t>
  </si>
  <si>
    <t>122084</t>
  </si>
  <si>
    <t>千葉県茂原市</t>
  </si>
  <si>
    <t>122106</t>
  </si>
  <si>
    <t>千葉県成田市</t>
  </si>
  <si>
    <t>122114</t>
  </si>
  <si>
    <t>千葉県佐倉市</t>
  </si>
  <si>
    <t>122122</t>
  </si>
  <si>
    <t>千葉県東金市</t>
  </si>
  <si>
    <t>122131</t>
  </si>
  <si>
    <t>千葉県旭市</t>
  </si>
  <si>
    <t>122157</t>
  </si>
  <si>
    <t>千葉県習志野市</t>
  </si>
  <si>
    <t>122165</t>
  </si>
  <si>
    <t>千葉県柏市</t>
  </si>
  <si>
    <t>122173</t>
  </si>
  <si>
    <t>千葉県勝浦市</t>
  </si>
  <si>
    <t>122181</t>
  </si>
  <si>
    <t>千葉県市原市</t>
  </si>
  <si>
    <t>122190</t>
  </si>
  <si>
    <t>千葉県流山市</t>
  </si>
  <si>
    <t>122203</t>
  </si>
  <si>
    <t>千葉県八千代市</t>
  </si>
  <si>
    <t>122211</t>
  </si>
  <si>
    <t>千葉県我孫子市</t>
  </si>
  <si>
    <t>122220</t>
  </si>
  <si>
    <t>千葉県鴨川市</t>
  </si>
  <si>
    <t>122238</t>
  </si>
  <si>
    <t>千葉県鎌ケ谷市</t>
  </si>
  <si>
    <t>122246</t>
  </si>
  <si>
    <t>千葉県君津市</t>
  </si>
  <si>
    <t>122254</t>
  </si>
  <si>
    <t>千葉県富津市</t>
  </si>
  <si>
    <t>122262</t>
  </si>
  <si>
    <t>千葉県浦安市</t>
  </si>
  <si>
    <t>122271</t>
  </si>
  <si>
    <t>千葉県四街道市</t>
  </si>
  <si>
    <t>122289</t>
  </si>
  <si>
    <t>千葉県袖ケ浦市</t>
  </si>
  <si>
    <t>122297</t>
  </si>
  <si>
    <t>千葉県八街市</t>
  </si>
  <si>
    <t>122301</t>
  </si>
  <si>
    <t>千葉県印西市</t>
  </si>
  <si>
    <t>122319</t>
  </si>
  <si>
    <t>千葉県白井市</t>
  </si>
  <si>
    <t>122327</t>
  </si>
  <si>
    <t>千葉県富里市</t>
  </si>
  <si>
    <t>122335</t>
  </si>
  <si>
    <t>千葉県南房総市</t>
  </si>
  <si>
    <t>122343</t>
  </si>
  <si>
    <t>千葉県匝瑳市</t>
  </si>
  <si>
    <t>122351</t>
  </si>
  <si>
    <t>千葉県香取市</t>
  </si>
  <si>
    <t>122360</t>
  </si>
  <si>
    <t>千葉県山武市</t>
  </si>
  <si>
    <t>122378</t>
  </si>
  <si>
    <t>千葉県いすみ市</t>
  </si>
  <si>
    <t>122386</t>
  </si>
  <si>
    <t>千葉県大網白里市</t>
  </si>
  <si>
    <t>122394</t>
  </si>
  <si>
    <t>千葉県酒々井町</t>
  </si>
  <si>
    <t>123226</t>
  </si>
  <si>
    <t>千葉県栄町</t>
  </si>
  <si>
    <t>123293</t>
  </si>
  <si>
    <t>千葉県神崎町</t>
  </si>
  <si>
    <t>123421</t>
  </si>
  <si>
    <t>千葉県多古町</t>
  </si>
  <si>
    <t>123471</t>
  </si>
  <si>
    <t>千葉県東庄町</t>
  </si>
  <si>
    <t>123498</t>
  </si>
  <si>
    <t>千葉県九十九里町</t>
  </si>
  <si>
    <t>124036</t>
  </si>
  <si>
    <t>千葉県芝山町</t>
  </si>
  <si>
    <t>124095</t>
  </si>
  <si>
    <t>千葉県横芝光町</t>
  </si>
  <si>
    <t>124109</t>
  </si>
  <si>
    <t>千葉県一宮町</t>
  </si>
  <si>
    <t>124214</t>
  </si>
  <si>
    <t>千葉県睦沢町</t>
  </si>
  <si>
    <t>124222</t>
  </si>
  <si>
    <t>千葉県長生村</t>
  </si>
  <si>
    <t>124231</t>
  </si>
  <si>
    <t>千葉県白子町</t>
  </si>
  <si>
    <t>124249</t>
  </si>
  <si>
    <t>千葉県長柄町</t>
  </si>
  <si>
    <t>124265</t>
  </si>
  <si>
    <t>千葉県長南町</t>
  </si>
  <si>
    <t>124273</t>
  </si>
  <si>
    <t>千葉県大多喜町</t>
  </si>
  <si>
    <t>124419</t>
  </si>
  <si>
    <t>千葉県御宿町</t>
  </si>
  <si>
    <t>124435</t>
  </si>
  <si>
    <t>千葉県鋸南町</t>
  </si>
  <si>
    <t>124630</t>
  </si>
  <si>
    <t>東京都千代田区</t>
  </si>
  <si>
    <t>131016</t>
  </si>
  <si>
    <t>東京都中央区</t>
  </si>
  <si>
    <t>131024</t>
  </si>
  <si>
    <t>東京都港区</t>
  </si>
  <si>
    <t>131032</t>
  </si>
  <si>
    <t>東京都新宿区</t>
  </si>
  <si>
    <t>131041</t>
  </si>
  <si>
    <t>東京都文京区</t>
  </si>
  <si>
    <t>131059</t>
  </si>
  <si>
    <t>東京都台東区</t>
  </si>
  <si>
    <t>131067</t>
  </si>
  <si>
    <t>東京都墨田区</t>
  </si>
  <si>
    <t>131075</t>
  </si>
  <si>
    <t>東京都江東区</t>
  </si>
  <si>
    <t>131083</t>
  </si>
  <si>
    <t>東京都品川区</t>
  </si>
  <si>
    <t>131091</t>
  </si>
  <si>
    <t>東京都目黒区</t>
  </si>
  <si>
    <t>131105</t>
  </si>
  <si>
    <t>東京都大田区</t>
  </si>
  <si>
    <t>131113</t>
  </si>
  <si>
    <t>東京都世田谷区</t>
  </si>
  <si>
    <t>131121</t>
  </si>
  <si>
    <t>東京都渋谷区</t>
  </si>
  <si>
    <t>131130</t>
  </si>
  <si>
    <t>東京都中野区</t>
  </si>
  <si>
    <t>131148</t>
  </si>
  <si>
    <t>東京都杉並区</t>
  </si>
  <si>
    <t>131156</t>
  </si>
  <si>
    <t>東京都豊島区</t>
  </si>
  <si>
    <t>131164</t>
  </si>
  <si>
    <t>東京都北区</t>
  </si>
  <si>
    <t>131172</t>
  </si>
  <si>
    <t>東京都荒川区</t>
  </si>
  <si>
    <t>131181</t>
  </si>
  <si>
    <t>東京都板橋区</t>
  </si>
  <si>
    <t>131199</t>
  </si>
  <si>
    <t>東京都練馬区</t>
  </si>
  <si>
    <t>131202</t>
  </si>
  <si>
    <t>東京都足立区</t>
  </si>
  <si>
    <t>131211</t>
  </si>
  <si>
    <t>東京都葛飾区</t>
  </si>
  <si>
    <t>131229</t>
  </si>
  <si>
    <t>東京都江戸川区</t>
  </si>
  <si>
    <t>131237</t>
  </si>
  <si>
    <t>東京都八王子市</t>
  </si>
  <si>
    <t>132012</t>
  </si>
  <si>
    <t>東京都立川市</t>
  </si>
  <si>
    <t>132021</t>
  </si>
  <si>
    <t>東京都武蔵野市</t>
  </si>
  <si>
    <t>132039</t>
  </si>
  <si>
    <t>東京都三鷹市</t>
  </si>
  <si>
    <t>132047</t>
  </si>
  <si>
    <t>東京都青梅市</t>
  </si>
  <si>
    <t>132055</t>
  </si>
  <si>
    <t>東京都府中市</t>
  </si>
  <si>
    <t>132063</t>
  </si>
  <si>
    <t>東京都昭島市</t>
  </si>
  <si>
    <t>132071</t>
  </si>
  <si>
    <t>東京都調布市</t>
  </si>
  <si>
    <t>132080</t>
  </si>
  <si>
    <t>東京都町田市</t>
  </si>
  <si>
    <t>132098</t>
  </si>
  <si>
    <t>東京都小金井市</t>
  </si>
  <si>
    <t>132101</t>
  </si>
  <si>
    <t>東京都小平市</t>
  </si>
  <si>
    <t>132110</t>
  </si>
  <si>
    <t>東京都日野市</t>
  </si>
  <si>
    <t>132128</t>
  </si>
  <si>
    <t>東京都東村山市</t>
  </si>
  <si>
    <t>132136</t>
  </si>
  <si>
    <t>東京都国分寺市</t>
  </si>
  <si>
    <t>132144</t>
  </si>
  <si>
    <t>東京都国立市</t>
  </si>
  <si>
    <t>132152</t>
  </si>
  <si>
    <t>東京都福生市</t>
  </si>
  <si>
    <t>132187</t>
  </si>
  <si>
    <t>東京都狛江市</t>
  </si>
  <si>
    <t>132195</t>
  </si>
  <si>
    <t>東京都東大和市</t>
  </si>
  <si>
    <t>132209</t>
  </si>
  <si>
    <t>東京都清瀬市</t>
  </si>
  <si>
    <t>132217</t>
  </si>
  <si>
    <t>東京都東久留米市</t>
  </si>
  <si>
    <t>132225</t>
  </si>
  <si>
    <t>東京都武蔵村山市</t>
  </si>
  <si>
    <t>132233</t>
  </si>
  <si>
    <t>東京都多摩市</t>
  </si>
  <si>
    <t>132241</t>
  </si>
  <si>
    <t>東京都稲城市</t>
  </si>
  <si>
    <t>132250</t>
  </si>
  <si>
    <t>東京都羽村市</t>
  </si>
  <si>
    <t>132276</t>
  </si>
  <si>
    <t>東京都あきる野市</t>
  </si>
  <si>
    <t>132284</t>
  </si>
  <si>
    <t>東京都西東京市</t>
  </si>
  <si>
    <t>132292</t>
  </si>
  <si>
    <t>東京都瑞穂町</t>
  </si>
  <si>
    <t>133035</t>
  </si>
  <si>
    <t>東京都日の出町</t>
  </si>
  <si>
    <t>133051</t>
  </si>
  <si>
    <t>東京都檜原村</t>
  </si>
  <si>
    <t>133078</t>
  </si>
  <si>
    <t>東京都奥多摩町</t>
  </si>
  <si>
    <t>133086</t>
  </si>
  <si>
    <t>東京都大島町</t>
  </si>
  <si>
    <t>133612</t>
  </si>
  <si>
    <t>東京都利島村</t>
  </si>
  <si>
    <t>133621</t>
  </si>
  <si>
    <t>東京都新島村</t>
  </si>
  <si>
    <t>133639</t>
  </si>
  <si>
    <t>東京都神津島村</t>
  </si>
  <si>
    <t>133647</t>
  </si>
  <si>
    <t>東京都三宅村</t>
  </si>
  <si>
    <t>133817</t>
  </si>
  <si>
    <t>東京都御蔵島村</t>
  </si>
  <si>
    <t>133825</t>
  </si>
  <si>
    <t>東京都八丈町</t>
  </si>
  <si>
    <t>134015</t>
  </si>
  <si>
    <t>東京都青ヶ島村</t>
  </si>
  <si>
    <t>134023</t>
  </si>
  <si>
    <t>東京都小笠原村</t>
  </si>
  <si>
    <t>134210</t>
  </si>
  <si>
    <t>神奈川県横浜市</t>
  </si>
  <si>
    <t>141003</t>
  </si>
  <si>
    <t>神奈川県川崎市</t>
  </si>
  <si>
    <t>141305</t>
  </si>
  <si>
    <t>神奈川県相模原市</t>
  </si>
  <si>
    <t>141500</t>
  </si>
  <si>
    <t>神奈川県横須賀市</t>
  </si>
  <si>
    <t>142018</t>
  </si>
  <si>
    <t>神奈川県平塚市</t>
  </si>
  <si>
    <t>142034</t>
  </si>
  <si>
    <t>神奈川県鎌倉市</t>
  </si>
  <si>
    <t>142042</t>
  </si>
  <si>
    <t>神奈川県藤沢市</t>
  </si>
  <si>
    <t>142051</t>
  </si>
  <si>
    <t>神奈川県小田原市</t>
  </si>
  <si>
    <t>142069</t>
  </si>
  <si>
    <t>神奈川県茅ヶ崎市</t>
  </si>
  <si>
    <t>142077</t>
  </si>
  <si>
    <t>神奈川県逗子市</t>
  </si>
  <si>
    <t>142085</t>
  </si>
  <si>
    <t>神奈川県三浦市</t>
  </si>
  <si>
    <t>142107</t>
  </si>
  <si>
    <t>神奈川県秦野市</t>
  </si>
  <si>
    <t>142115</t>
  </si>
  <si>
    <t>神奈川県厚木市</t>
  </si>
  <si>
    <t>142123</t>
  </si>
  <si>
    <t>神奈川県大和市</t>
  </si>
  <si>
    <t>142131</t>
  </si>
  <si>
    <t>神奈川県伊勢原市</t>
  </si>
  <si>
    <t>142140</t>
  </si>
  <si>
    <t>神奈川県海老名市</t>
  </si>
  <si>
    <t>142158</t>
  </si>
  <si>
    <t>神奈川県座間市</t>
  </si>
  <si>
    <t>142166</t>
  </si>
  <si>
    <t>神奈川県南足柄市</t>
  </si>
  <si>
    <t>142174</t>
  </si>
  <si>
    <t>神奈川県綾瀬市</t>
  </si>
  <si>
    <t>142182</t>
  </si>
  <si>
    <t>神奈川県葉山町</t>
  </si>
  <si>
    <t>143014</t>
  </si>
  <si>
    <t>神奈川県寒川町</t>
  </si>
  <si>
    <t>143219</t>
  </si>
  <si>
    <t>神奈川県大磯町</t>
  </si>
  <si>
    <t>143413</t>
  </si>
  <si>
    <t>神奈川県二宮町</t>
  </si>
  <si>
    <t>143421</t>
  </si>
  <si>
    <t>神奈川県中井町</t>
  </si>
  <si>
    <t>143618</t>
  </si>
  <si>
    <t>神奈川県大井町</t>
  </si>
  <si>
    <t>143626</t>
  </si>
  <si>
    <t>神奈川県松田町</t>
  </si>
  <si>
    <t>143634</t>
  </si>
  <si>
    <t>神奈川県山北町</t>
  </si>
  <si>
    <t>143642</t>
  </si>
  <si>
    <t>神奈川県開成町</t>
  </si>
  <si>
    <t>143669</t>
  </si>
  <si>
    <t>神奈川県箱根町</t>
  </si>
  <si>
    <t>143821</t>
  </si>
  <si>
    <t>神奈川県真鶴町</t>
  </si>
  <si>
    <t>143839</t>
  </si>
  <si>
    <t>神奈川県湯河原町</t>
  </si>
  <si>
    <t>143847</t>
  </si>
  <si>
    <t>神奈川県愛川町</t>
  </si>
  <si>
    <t>144011</t>
  </si>
  <si>
    <t>神奈川県清川村</t>
  </si>
  <si>
    <t>144029</t>
  </si>
  <si>
    <t>新潟県新潟市</t>
  </si>
  <si>
    <t>151009</t>
  </si>
  <si>
    <t>新潟県長岡市</t>
  </si>
  <si>
    <t>152021</t>
  </si>
  <si>
    <t>新潟県三条市</t>
  </si>
  <si>
    <t>152048</t>
  </si>
  <si>
    <t>新潟県柏崎市</t>
  </si>
  <si>
    <t>152056</t>
  </si>
  <si>
    <t>新潟県新発田市</t>
  </si>
  <si>
    <t>152064</t>
  </si>
  <si>
    <t>新潟県小千谷市</t>
  </si>
  <si>
    <t>152081</t>
  </si>
  <si>
    <t>新潟県加茂市</t>
  </si>
  <si>
    <t>152099</t>
  </si>
  <si>
    <t>新潟県十日町市</t>
  </si>
  <si>
    <t>152102</t>
  </si>
  <si>
    <t>新潟県見附市</t>
  </si>
  <si>
    <t>152111</t>
  </si>
  <si>
    <t>新潟県村上市</t>
  </si>
  <si>
    <t>152129</t>
  </si>
  <si>
    <t>新潟県燕市</t>
  </si>
  <si>
    <t>152137</t>
  </si>
  <si>
    <t>新潟県糸魚川市</t>
  </si>
  <si>
    <t>152161</t>
  </si>
  <si>
    <t>新潟県妙高市</t>
  </si>
  <si>
    <t>152170</t>
  </si>
  <si>
    <t>新潟県五泉市</t>
  </si>
  <si>
    <t>152188</t>
  </si>
  <si>
    <t>新潟県上越市</t>
  </si>
  <si>
    <t>152226</t>
  </si>
  <si>
    <t>新潟県阿賀野市</t>
  </si>
  <si>
    <t>152234</t>
  </si>
  <si>
    <t>新潟県佐渡市</t>
  </si>
  <si>
    <t>152242</t>
  </si>
  <si>
    <t>新潟県魚沼市</t>
  </si>
  <si>
    <t>152251</t>
  </si>
  <si>
    <t>新潟県南魚沼市</t>
  </si>
  <si>
    <t>152269</t>
  </si>
  <si>
    <t>新潟県胎内市</t>
  </si>
  <si>
    <t>152277</t>
  </si>
  <si>
    <t>新潟県聖籠町</t>
  </si>
  <si>
    <t>153079</t>
  </si>
  <si>
    <t>新潟県弥彦村</t>
  </si>
  <si>
    <t>153427</t>
  </si>
  <si>
    <t>新潟県田上町</t>
  </si>
  <si>
    <t>153613</t>
  </si>
  <si>
    <t>新潟県阿賀町</t>
  </si>
  <si>
    <t>153851</t>
  </si>
  <si>
    <t>新潟県出雲崎町</t>
  </si>
  <si>
    <t>154059</t>
  </si>
  <si>
    <t>新潟県湯沢町</t>
  </si>
  <si>
    <t>154610</t>
  </si>
  <si>
    <t>新潟県津南町</t>
  </si>
  <si>
    <t>154822</t>
  </si>
  <si>
    <t>新潟県刈羽村</t>
  </si>
  <si>
    <t>155047</t>
  </si>
  <si>
    <t>新潟県関川村</t>
  </si>
  <si>
    <t>155811</t>
  </si>
  <si>
    <t>新潟県粟島浦村</t>
  </si>
  <si>
    <t>155861</t>
  </si>
  <si>
    <t>富山県富山市</t>
  </si>
  <si>
    <t>162019</t>
  </si>
  <si>
    <t>富山県高岡市</t>
  </si>
  <si>
    <t>162027</t>
  </si>
  <si>
    <t>富山県魚津市</t>
  </si>
  <si>
    <t>162043</t>
  </si>
  <si>
    <t>富山県氷見市</t>
  </si>
  <si>
    <t>162051</t>
  </si>
  <si>
    <t>富山県滑川市</t>
  </si>
  <si>
    <t>162060</t>
  </si>
  <si>
    <t>富山県黒部市</t>
  </si>
  <si>
    <t>162078</t>
  </si>
  <si>
    <t>富山県砺波市</t>
  </si>
  <si>
    <t>162086</t>
  </si>
  <si>
    <t>富山県小矢部市</t>
  </si>
  <si>
    <t>162094</t>
  </si>
  <si>
    <t>富山県南砺市</t>
  </si>
  <si>
    <t>162108</t>
  </si>
  <si>
    <t>富山県射水市</t>
  </si>
  <si>
    <t>162116</t>
  </si>
  <si>
    <t>富山県舟橋村</t>
  </si>
  <si>
    <t>163210</t>
  </si>
  <si>
    <t>富山県上市町</t>
  </si>
  <si>
    <t>163228</t>
  </si>
  <si>
    <t>富山県立山町</t>
  </si>
  <si>
    <t>163236</t>
  </si>
  <si>
    <t>富山県入善町</t>
  </si>
  <si>
    <t>163422</t>
  </si>
  <si>
    <t>富山県朝日町</t>
  </si>
  <si>
    <t>163431</t>
  </si>
  <si>
    <t>石川県金沢市</t>
  </si>
  <si>
    <t>172014</t>
  </si>
  <si>
    <t>石川県七尾市</t>
  </si>
  <si>
    <t>172022</t>
  </si>
  <si>
    <t>石川県小松市</t>
  </si>
  <si>
    <t>172031</t>
  </si>
  <si>
    <t>石川県輪島市</t>
  </si>
  <si>
    <t>172049</t>
  </si>
  <si>
    <t>石川県珠洲市</t>
  </si>
  <si>
    <t>172057</t>
  </si>
  <si>
    <t>石川県加賀市</t>
  </si>
  <si>
    <t>172065</t>
  </si>
  <si>
    <t>石川県羽咋市</t>
  </si>
  <si>
    <t>172073</t>
  </si>
  <si>
    <t>石川県かほく市</t>
  </si>
  <si>
    <t>172090</t>
  </si>
  <si>
    <t>石川県白山市</t>
  </si>
  <si>
    <t>172103</t>
  </si>
  <si>
    <t>石川県能美市</t>
  </si>
  <si>
    <t>172111</t>
  </si>
  <si>
    <t>石川県野々市市</t>
  </si>
  <si>
    <t>172120</t>
  </si>
  <si>
    <t>石川県川北町</t>
  </si>
  <si>
    <t>173240</t>
  </si>
  <si>
    <t>石川県津幡町</t>
  </si>
  <si>
    <t>173614</t>
  </si>
  <si>
    <t>石川県内灘町</t>
  </si>
  <si>
    <t>173657</t>
  </si>
  <si>
    <t>石川県志賀町</t>
  </si>
  <si>
    <t>173843</t>
  </si>
  <si>
    <t>石川県宝達志水町</t>
  </si>
  <si>
    <t>173860</t>
  </si>
  <si>
    <t>石川県中能登町</t>
  </si>
  <si>
    <t>174076</t>
  </si>
  <si>
    <t>石川県穴水町</t>
  </si>
  <si>
    <t>174611</t>
  </si>
  <si>
    <t>石川県能登町</t>
  </si>
  <si>
    <t>174637</t>
  </si>
  <si>
    <t>福井県福井市</t>
  </si>
  <si>
    <t>182010</t>
  </si>
  <si>
    <t>福井県敦賀市</t>
  </si>
  <si>
    <t>182028</t>
  </si>
  <si>
    <t>福井県小浜市</t>
  </si>
  <si>
    <t>182044</t>
  </si>
  <si>
    <t>福井県大野市</t>
  </si>
  <si>
    <t>182052</t>
  </si>
  <si>
    <t>福井県勝山市</t>
  </si>
  <si>
    <t>182061</t>
  </si>
  <si>
    <t>福井県鯖江市</t>
  </si>
  <si>
    <t>182079</t>
  </si>
  <si>
    <t>福井県あわら市</t>
  </si>
  <si>
    <t>182087</t>
  </si>
  <si>
    <t>福井県越前市</t>
  </si>
  <si>
    <t>182095</t>
  </si>
  <si>
    <t>福井県坂井市</t>
  </si>
  <si>
    <t>182109</t>
  </si>
  <si>
    <t>福井県永平寺町</t>
  </si>
  <si>
    <t>183229</t>
  </si>
  <si>
    <t>福井県池田町</t>
  </si>
  <si>
    <t>183822</t>
  </si>
  <si>
    <t>福井県南越前町</t>
  </si>
  <si>
    <t>184047</t>
  </si>
  <si>
    <t>福井県越前町</t>
  </si>
  <si>
    <t>184233</t>
  </si>
  <si>
    <t>福井県美浜町</t>
  </si>
  <si>
    <t>184420</t>
  </si>
  <si>
    <t>福井県高浜町</t>
  </si>
  <si>
    <t>184811</t>
  </si>
  <si>
    <t>福井県おおい町</t>
  </si>
  <si>
    <t>184837</t>
  </si>
  <si>
    <t>福井県若狭町</t>
  </si>
  <si>
    <t>185019</t>
  </si>
  <si>
    <t>山梨県甲府市</t>
  </si>
  <si>
    <t>192015</t>
  </si>
  <si>
    <t>山梨県富士吉田市</t>
  </si>
  <si>
    <t>192023</t>
  </si>
  <si>
    <t>山梨県都留市</t>
  </si>
  <si>
    <t>192040</t>
  </si>
  <si>
    <t>山梨県山梨市</t>
  </si>
  <si>
    <t>192058</t>
  </si>
  <si>
    <t>山梨県大月市</t>
  </si>
  <si>
    <t>192066</t>
  </si>
  <si>
    <t>山梨県韮崎市</t>
  </si>
  <si>
    <t>192074</t>
  </si>
  <si>
    <t>山梨県南アルプス市</t>
  </si>
  <si>
    <t>192082</t>
  </si>
  <si>
    <t>山梨県北杜市</t>
  </si>
  <si>
    <t>192091</t>
  </si>
  <si>
    <t>山梨県甲斐市</t>
  </si>
  <si>
    <t>192104</t>
  </si>
  <si>
    <t>山梨県笛吹市</t>
  </si>
  <si>
    <t>192112</t>
  </si>
  <si>
    <t>山梨県上野原市</t>
  </si>
  <si>
    <t>192121</t>
  </si>
  <si>
    <t>山梨県甲州市</t>
  </si>
  <si>
    <t>192139</t>
  </si>
  <si>
    <t>山梨県中央市</t>
  </si>
  <si>
    <t>192147</t>
  </si>
  <si>
    <t>山梨県市川三郷町</t>
  </si>
  <si>
    <t>193461</t>
  </si>
  <si>
    <t>山梨県早川町</t>
  </si>
  <si>
    <t>193640</t>
  </si>
  <si>
    <t>山梨県身延町</t>
  </si>
  <si>
    <t>193658</t>
  </si>
  <si>
    <t>山梨県南部町</t>
  </si>
  <si>
    <t>193666</t>
  </si>
  <si>
    <t>山梨県富士川町</t>
  </si>
  <si>
    <t>193682</t>
  </si>
  <si>
    <t>山梨県昭和町</t>
  </si>
  <si>
    <t>193844</t>
  </si>
  <si>
    <t>山梨県道志村</t>
  </si>
  <si>
    <t>194221</t>
  </si>
  <si>
    <t>山梨県西桂町</t>
  </si>
  <si>
    <t>194239</t>
  </si>
  <si>
    <t>山梨県忍野村</t>
  </si>
  <si>
    <t>194247</t>
  </si>
  <si>
    <t>山梨県山中湖村</t>
  </si>
  <si>
    <t>194255</t>
  </si>
  <si>
    <t>山梨県鳴沢村</t>
  </si>
  <si>
    <t>194298</t>
  </si>
  <si>
    <t>山梨県富士河口湖町</t>
  </si>
  <si>
    <t>194301</t>
  </si>
  <si>
    <t>山梨県小菅村</t>
  </si>
  <si>
    <t>194425</t>
  </si>
  <si>
    <t>山梨県丹波山村</t>
  </si>
  <si>
    <t>194433</t>
  </si>
  <si>
    <t>長野県長野市</t>
  </si>
  <si>
    <t>202011</t>
  </si>
  <si>
    <t>長野県松本市</t>
  </si>
  <si>
    <t>202029</t>
  </si>
  <si>
    <t>長野県上田市</t>
  </si>
  <si>
    <t>202037</t>
  </si>
  <si>
    <t>長野県岡谷市</t>
  </si>
  <si>
    <t>202045</t>
  </si>
  <si>
    <t>長野県飯田市</t>
  </si>
  <si>
    <t>202053</t>
  </si>
  <si>
    <t>長野県諏訪市</t>
  </si>
  <si>
    <t>202061</t>
  </si>
  <si>
    <t>長野県須坂市</t>
  </si>
  <si>
    <t>202070</t>
  </si>
  <si>
    <t>長野県小諸市</t>
  </si>
  <si>
    <t>202088</t>
  </si>
  <si>
    <t>長野県伊那市</t>
  </si>
  <si>
    <t>202096</t>
  </si>
  <si>
    <t>長野県駒ヶ根市</t>
  </si>
  <si>
    <t>202100</t>
  </si>
  <si>
    <t>長野県中野市</t>
  </si>
  <si>
    <t>202118</t>
  </si>
  <si>
    <t>長野県大町市</t>
  </si>
  <si>
    <t>202126</t>
  </si>
  <si>
    <t>長野県飯山市</t>
  </si>
  <si>
    <t>202134</t>
  </si>
  <si>
    <t>長野県茅野市</t>
  </si>
  <si>
    <t>202142</t>
  </si>
  <si>
    <t>長野県塩尻市</t>
  </si>
  <si>
    <t>202151</t>
  </si>
  <si>
    <t>長野県佐久市</t>
  </si>
  <si>
    <t>202177</t>
  </si>
  <si>
    <t>長野県千曲市</t>
  </si>
  <si>
    <t>202185</t>
  </si>
  <si>
    <t>長野県東御市</t>
  </si>
  <si>
    <t>202193</t>
  </si>
  <si>
    <t>長野県安曇野市</t>
  </si>
  <si>
    <t>202207</t>
  </si>
  <si>
    <t>長野県小海町</t>
  </si>
  <si>
    <t>203033</t>
  </si>
  <si>
    <t>長野県川上村</t>
  </si>
  <si>
    <t>203041</t>
  </si>
  <si>
    <t>長野県南牧村</t>
  </si>
  <si>
    <t>203050</t>
  </si>
  <si>
    <t>長野県南相木村</t>
  </si>
  <si>
    <t>203068</t>
  </si>
  <si>
    <t>長野県北相木村</t>
  </si>
  <si>
    <t>203076</t>
  </si>
  <si>
    <t>長野県佐久穂町</t>
  </si>
  <si>
    <t>203092</t>
  </si>
  <si>
    <t>長野県軽井沢町</t>
  </si>
  <si>
    <t>203211</t>
  </si>
  <si>
    <t>長野県御代田町</t>
  </si>
  <si>
    <t>203238</t>
  </si>
  <si>
    <t>長野県立科町</t>
  </si>
  <si>
    <t>203246</t>
  </si>
  <si>
    <t>長野県青木村</t>
  </si>
  <si>
    <t>203491</t>
  </si>
  <si>
    <t>長野県長和町</t>
  </si>
  <si>
    <t>203505</t>
  </si>
  <si>
    <t>長野県下諏訪町</t>
  </si>
  <si>
    <t>203611</t>
  </si>
  <si>
    <t>長野県富士見町</t>
  </si>
  <si>
    <t>203629</t>
  </si>
  <si>
    <t>長野県原村</t>
  </si>
  <si>
    <t>203637</t>
  </si>
  <si>
    <t>長野県辰野町</t>
  </si>
  <si>
    <t>203823</t>
  </si>
  <si>
    <t>長野県箕輪町</t>
  </si>
  <si>
    <t>203831</t>
  </si>
  <si>
    <t>長野県飯島町</t>
  </si>
  <si>
    <t>203840</t>
  </si>
  <si>
    <t>長野県南箕輪村</t>
  </si>
  <si>
    <t>203858</t>
  </si>
  <si>
    <t>長野県中川村</t>
  </si>
  <si>
    <t>203866</t>
  </si>
  <si>
    <t>長野県宮田村</t>
  </si>
  <si>
    <t>203882</t>
  </si>
  <si>
    <t>長野県松川町</t>
  </si>
  <si>
    <t>204021</t>
  </si>
  <si>
    <t>長野県高森町</t>
  </si>
  <si>
    <t>204030</t>
  </si>
  <si>
    <t>長野県阿南町</t>
  </si>
  <si>
    <t>204048</t>
  </si>
  <si>
    <t>長野県阿智村</t>
  </si>
  <si>
    <t>204072</t>
  </si>
  <si>
    <t>長野県平谷村</t>
  </si>
  <si>
    <t>204099</t>
  </si>
  <si>
    <t>長野県根羽村</t>
  </si>
  <si>
    <t>204102</t>
  </si>
  <si>
    <t>長野県下條村</t>
  </si>
  <si>
    <t>204111</t>
  </si>
  <si>
    <t>長野県売木村</t>
  </si>
  <si>
    <t>204129</t>
  </si>
  <si>
    <t>長野県天龍村</t>
  </si>
  <si>
    <t>204137</t>
  </si>
  <si>
    <t>長野県泰阜村</t>
  </si>
  <si>
    <t>204145</t>
  </si>
  <si>
    <t>長野県喬木村</t>
  </si>
  <si>
    <t>204153</t>
  </si>
  <si>
    <t>長野県豊丘村</t>
  </si>
  <si>
    <t>204161</t>
  </si>
  <si>
    <t>長野県大鹿村</t>
  </si>
  <si>
    <t>204170</t>
  </si>
  <si>
    <t>長野県上松町</t>
  </si>
  <si>
    <t>204226</t>
  </si>
  <si>
    <t>長野県南木曽町</t>
  </si>
  <si>
    <t>204234</t>
  </si>
  <si>
    <t>長野県木祖村</t>
  </si>
  <si>
    <t>204251</t>
  </si>
  <si>
    <t>長野県王滝村</t>
  </si>
  <si>
    <t>204293</t>
  </si>
  <si>
    <t>長野県大桑村</t>
  </si>
  <si>
    <t>204307</t>
  </si>
  <si>
    <t>長野県木曽町</t>
  </si>
  <si>
    <t>204323</t>
  </si>
  <si>
    <t>長野県麻績村</t>
  </si>
  <si>
    <t>204463</t>
  </si>
  <si>
    <t>長野県生坂村</t>
  </si>
  <si>
    <t>204480</t>
  </si>
  <si>
    <t>長野県山形村</t>
  </si>
  <si>
    <t>204501</t>
  </si>
  <si>
    <t>長野県朝日村</t>
  </si>
  <si>
    <t>204510</t>
  </si>
  <si>
    <t>長野県筑北村</t>
  </si>
  <si>
    <t>204528</t>
  </si>
  <si>
    <t>長野県池田町</t>
  </si>
  <si>
    <t>204811</t>
  </si>
  <si>
    <t>長野県松川村</t>
  </si>
  <si>
    <t>204820</t>
  </si>
  <si>
    <t>長野県白馬村</t>
  </si>
  <si>
    <t>204854</t>
  </si>
  <si>
    <t>長野県小谷村</t>
  </si>
  <si>
    <t>204862</t>
  </si>
  <si>
    <t>長野県坂城町</t>
  </si>
  <si>
    <t>205214</t>
  </si>
  <si>
    <t>長野県小布施町</t>
  </si>
  <si>
    <t>205419</t>
  </si>
  <si>
    <t>長野県高山村</t>
  </si>
  <si>
    <t>205435</t>
  </si>
  <si>
    <t>長野県山ノ内町</t>
  </si>
  <si>
    <t>205613</t>
  </si>
  <si>
    <t>長野県木島平村</t>
  </si>
  <si>
    <t>205621</t>
  </si>
  <si>
    <t>長野県野沢温泉村</t>
  </si>
  <si>
    <t>205630</t>
  </si>
  <si>
    <t>長野県信濃町</t>
  </si>
  <si>
    <t>205834</t>
  </si>
  <si>
    <t>長野県小川村</t>
  </si>
  <si>
    <t>205885</t>
  </si>
  <si>
    <t>長野県飯綱町</t>
  </si>
  <si>
    <t>205907</t>
  </si>
  <si>
    <t>長野県栄村</t>
  </si>
  <si>
    <t>206024</t>
  </si>
  <si>
    <t>岐阜県岐阜市</t>
  </si>
  <si>
    <t>212016</t>
  </si>
  <si>
    <t>岐阜県大垣市</t>
  </si>
  <si>
    <t>212024</t>
  </si>
  <si>
    <t>岐阜県高山市</t>
  </si>
  <si>
    <t>212032</t>
  </si>
  <si>
    <t>岐阜県多治見市</t>
  </si>
  <si>
    <t>212041</t>
  </si>
  <si>
    <t>岐阜県関市</t>
  </si>
  <si>
    <t>212059</t>
  </si>
  <si>
    <t>岐阜県中津川市</t>
  </si>
  <si>
    <t>212067</t>
  </si>
  <si>
    <t>岐阜県美濃市</t>
  </si>
  <si>
    <t>212075</t>
  </si>
  <si>
    <t>岐阜県瑞浪市</t>
  </si>
  <si>
    <t>212083</t>
  </si>
  <si>
    <t>岐阜県羽島市</t>
  </si>
  <si>
    <t>212091</t>
  </si>
  <si>
    <t>岐阜県恵那市</t>
  </si>
  <si>
    <t>212105</t>
  </si>
  <si>
    <t>岐阜県美濃加茂市</t>
  </si>
  <si>
    <t>212113</t>
  </si>
  <si>
    <t>岐阜県土岐市</t>
  </si>
  <si>
    <t>212121</t>
  </si>
  <si>
    <t>岐阜県各務原市</t>
  </si>
  <si>
    <t>212130</t>
  </si>
  <si>
    <t>岐阜県可児市</t>
  </si>
  <si>
    <t>212148</t>
  </si>
  <si>
    <t>岐阜県山県市</t>
  </si>
  <si>
    <t>212156</t>
  </si>
  <si>
    <t>岐阜県瑞穂市</t>
  </si>
  <si>
    <t>212164</t>
  </si>
  <si>
    <t>岐阜県飛騨市</t>
  </si>
  <si>
    <t>212172</t>
  </si>
  <si>
    <t>岐阜県本巣市</t>
  </si>
  <si>
    <t>212181</t>
  </si>
  <si>
    <t>岐阜県郡上市</t>
  </si>
  <si>
    <t>212199</t>
  </si>
  <si>
    <t>岐阜県下呂市</t>
  </si>
  <si>
    <t>212202</t>
  </si>
  <si>
    <t>岐阜県海津市</t>
  </si>
  <si>
    <t>212211</t>
  </si>
  <si>
    <t>岐阜県岐南町</t>
  </si>
  <si>
    <t>213021</t>
  </si>
  <si>
    <t>岐阜県笠松町</t>
  </si>
  <si>
    <t>213039</t>
  </si>
  <si>
    <t>岐阜県養老町</t>
  </si>
  <si>
    <t>213411</t>
  </si>
  <si>
    <t>岐阜県垂井町</t>
  </si>
  <si>
    <t>213616</t>
  </si>
  <si>
    <t>岐阜県関ケ原町</t>
  </si>
  <si>
    <t>213624</t>
  </si>
  <si>
    <t>岐阜県神戸町</t>
  </si>
  <si>
    <t>213811</t>
  </si>
  <si>
    <t>岐阜県輪之内町</t>
  </si>
  <si>
    <t>213829</t>
  </si>
  <si>
    <t>岐阜県安八町</t>
  </si>
  <si>
    <t>213837</t>
  </si>
  <si>
    <t>岐阜県揖斐川町</t>
  </si>
  <si>
    <t>214019</t>
  </si>
  <si>
    <t>岐阜県大野町</t>
  </si>
  <si>
    <t>214035</t>
  </si>
  <si>
    <t>岐阜県池田町</t>
  </si>
  <si>
    <t>214043</t>
  </si>
  <si>
    <t>岐阜県北方町</t>
  </si>
  <si>
    <t>214213</t>
  </si>
  <si>
    <t>岐阜県坂祝町</t>
  </si>
  <si>
    <t>215015</t>
  </si>
  <si>
    <t>岐阜県富加町</t>
  </si>
  <si>
    <t>215023</t>
  </si>
  <si>
    <t>岐阜県川辺町</t>
  </si>
  <si>
    <t>215031</t>
  </si>
  <si>
    <t>岐阜県七宗町</t>
  </si>
  <si>
    <t>215040</t>
  </si>
  <si>
    <t>岐阜県八百津町</t>
  </si>
  <si>
    <t>215058</t>
  </si>
  <si>
    <t>岐阜県白川町</t>
  </si>
  <si>
    <t>215066</t>
  </si>
  <si>
    <t>岐阜県東白川村</t>
  </si>
  <si>
    <t>215074</t>
  </si>
  <si>
    <t>岐阜県御嵩町</t>
  </si>
  <si>
    <t>215210</t>
  </si>
  <si>
    <t>岐阜県白川村</t>
  </si>
  <si>
    <t>216046</t>
  </si>
  <si>
    <t>静岡県静岡市</t>
  </si>
  <si>
    <t>221007</t>
  </si>
  <si>
    <t>静岡県浜松市</t>
  </si>
  <si>
    <t>221309</t>
  </si>
  <si>
    <t>静岡県沼津市</t>
  </si>
  <si>
    <t>222038</t>
  </si>
  <si>
    <t>静岡県熱海市</t>
  </si>
  <si>
    <t>222054</t>
  </si>
  <si>
    <t>静岡県三島市</t>
  </si>
  <si>
    <t>222062</t>
  </si>
  <si>
    <t>静岡県富士宮市</t>
  </si>
  <si>
    <t>222071</t>
  </si>
  <si>
    <t>静岡県伊東市</t>
  </si>
  <si>
    <t>222089</t>
  </si>
  <si>
    <t>静岡県島田市</t>
  </si>
  <si>
    <t>222097</t>
  </si>
  <si>
    <t>静岡県富士市</t>
  </si>
  <si>
    <t>222101</t>
  </si>
  <si>
    <t>静岡県磐田市</t>
  </si>
  <si>
    <t>222119</t>
  </si>
  <si>
    <t>静岡県焼津市</t>
  </si>
  <si>
    <t>222127</t>
  </si>
  <si>
    <t>静岡県掛川市</t>
  </si>
  <si>
    <t>222135</t>
  </si>
  <si>
    <t>静岡県藤枝市</t>
  </si>
  <si>
    <t>222143</t>
  </si>
  <si>
    <t>静岡県御殿場市</t>
  </si>
  <si>
    <t>222151</t>
  </si>
  <si>
    <t>静岡県袋井市</t>
  </si>
  <si>
    <t>222160</t>
  </si>
  <si>
    <t>静岡県下田市</t>
  </si>
  <si>
    <t>222194</t>
  </si>
  <si>
    <t>静岡県裾野市</t>
  </si>
  <si>
    <t>222208</t>
  </si>
  <si>
    <t>静岡県湖西市</t>
  </si>
  <si>
    <t>222216</t>
  </si>
  <si>
    <t>静岡県伊豆市</t>
  </si>
  <si>
    <t>222224</t>
  </si>
  <si>
    <t>静岡県御前崎市</t>
  </si>
  <si>
    <t>222232</t>
  </si>
  <si>
    <t>静岡県菊川市</t>
  </si>
  <si>
    <t>222241</t>
  </si>
  <si>
    <t>静岡県伊豆の国市</t>
  </si>
  <si>
    <t>222259</t>
  </si>
  <si>
    <t>静岡県牧之原市</t>
  </si>
  <si>
    <t>222267</t>
  </si>
  <si>
    <t>静岡県東伊豆町</t>
  </si>
  <si>
    <t>223018</t>
  </si>
  <si>
    <t>静岡県河津町</t>
  </si>
  <si>
    <t>223026</t>
  </si>
  <si>
    <t>静岡県南伊豆町</t>
  </si>
  <si>
    <t>223042</t>
  </si>
  <si>
    <t>静岡県松崎町</t>
  </si>
  <si>
    <t>223051</t>
  </si>
  <si>
    <t>静岡県西伊豆町</t>
  </si>
  <si>
    <t>223069</t>
  </si>
  <si>
    <t>静岡県函南町</t>
  </si>
  <si>
    <t>223255</t>
  </si>
  <si>
    <t>静岡県清水町</t>
  </si>
  <si>
    <t>223417</t>
  </si>
  <si>
    <t>静岡県長泉町</t>
  </si>
  <si>
    <t>223425</t>
  </si>
  <si>
    <t>静岡県小山町</t>
  </si>
  <si>
    <t>223441</t>
  </si>
  <si>
    <t>静岡県吉田町</t>
  </si>
  <si>
    <t>224243</t>
  </si>
  <si>
    <t>静岡県川根本町</t>
  </si>
  <si>
    <t>224294</t>
  </si>
  <si>
    <t>静岡県森町</t>
  </si>
  <si>
    <t>224618</t>
  </si>
  <si>
    <t>愛知県名古屋市</t>
  </si>
  <si>
    <t>231002</t>
  </si>
  <si>
    <t>愛知県豊橋市</t>
  </si>
  <si>
    <t>232017</t>
  </si>
  <si>
    <t>愛知県岡崎市</t>
  </si>
  <si>
    <t>232025</t>
  </si>
  <si>
    <t>愛知県一宮市</t>
  </si>
  <si>
    <t>232033</t>
  </si>
  <si>
    <t>愛知県瀬戸市</t>
  </si>
  <si>
    <t>232041</t>
  </si>
  <si>
    <t>愛知県半田市</t>
  </si>
  <si>
    <t>232050</t>
  </si>
  <si>
    <t>愛知県春日井市</t>
  </si>
  <si>
    <t>232068</t>
  </si>
  <si>
    <t>愛知県豊川市</t>
  </si>
  <si>
    <t>232076</t>
  </si>
  <si>
    <t>愛知県津島市</t>
  </si>
  <si>
    <t>232084</t>
  </si>
  <si>
    <t>愛知県碧南市</t>
  </si>
  <si>
    <t>232092</t>
  </si>
  <si>
    <t>愛知県刈谷市</t>
  </si>
  <si>
    <t>232106</t>
  </si>
  <si>
    <t>愛知県豊田市</t>
  </si>
  <si>
    <t>232114</t>
  </si>
  <si>
    <t>愛知県安城市</t>
  </si>
  <si>
    <t>232122</t>
  </si>
  <si>
    <t>愛知県西尾市</t>
  </si>
  <si>
    <t>232131</t>
  </si>
  <si>
    <t>愛知県蒲郡市</t>
  </si>
  <si>
    <t>232149</t>
  </si>
  <si>
    <t>愛知県犬山市</t>
  </si>
  <si>
    <t>232157</t>
  </si>
  <si>
    <t>愛知県常滑市</t>
  </si>
  <si>
    <t>232165</t>
  </si>
  <si>
    <t>愛知県江南市</t>
  </si>
  <si>
    <t>232173</t>
  </si>
  <si>
    <t>愛知県小牧市</t>
  </si>
  <si>
    <t>232190</t>
  </si>
  <si>
    <t>愛知県稲沢市</t>
  </si>
  <si>
    <t>232203</t>
  </si>
  <si>
    <t>愛知県新城市</t>
  </si>
  <si>
    <t>232211</t>
  </si>
  <si>
    <t>愛知県東海市</t>
  </si>
  <si>
    <t>232220</t>
  </si>
  <si>
    <t>愛知県大府市</t>
  </si>
  <si>
    <t>232238</t>
  </si>
  <si>
    <t>愛知県知多市</t>
  </si>
  <si>
    <t>232246</t>
  </si>
  <si>
    <t>愛知県知立市</t>
  </si>
  <si>
    <t>232254</t>
  </si>
  <si>
    <t>愛知県尾張旭市</t>
  </si>
  <si>
    <t>232262</t>
  </si>
  <si>
    <t>愛知県高浜市</t>
  </si>
  <si>
    <t>232271</t>
  </si>
  <si>
    <t>愛知県岩倉市</t>
  </si>
  <si>
    <t>232289</t>
  </si>
  <si>
    <t>愛知県豊明市</t>
  </si>
  <si>
    <t>232297</t>
  </si>
  <si>
    <t>愛知県日進市</t>
  </si>
  <si>
    <t>232301</t>
  </si>
  <si>
    <t>愛知県田原市</t>
  </si>
  <si>
    <t>232319</t>
  </si>
  <si>
    <t>愛知県愛西市</t>
  </si>
  <si>
    <t>232327</t>
  </si>
  <si>
    <t>愛知県清須市</t>
  </si>
  <si>
    <t>232335</t>
  </si>
  <si>
    <t>愛知県北名古屋市</t>
  </si>
  <si>
    <t>232343</t>
  </si>
  <si>
    <t>愛知県弥富市</t>
  </si>
  <si>
    <t>232351</t>
  </si>
  <si>
    <t>愛知県みよし市</t>
  </si>
  <si>
    <t>232360</t>
  </si>
  <si>
    <t>愛知県あま市</t>
  </si>
  <si>
    <t>232378</t>
  </si>
  <si>
    <t>愛知県長久手市</t>
  </si>
  <si>
    <t>232386</t>
  </si>
  <si>
    <t>愛知県東郷町</t>
  </si>
  <si>
    <t>233021</t>
  </si>
  <si>
    <t>愛知県豊山町</t>
  </si>
  <si>
    <t>233421</t>
  </si>
  <si>
    <t>愛知県大口町</t>
  </si>
  <si>
    <t>233617</t>
  </si>
  <si>
    <t>愛知県扶桑町</t>
  </si>
  <si>
    <t>233625</t>
  </si>
  <si>
    <t>愛知県大治町</t>
  </si>
  <si>
    <t>234249</t>
  </si>
  <si>
    <t>愛知県蟹江町</t>
  </si>
  <si>
    <t>234257</t>
  </si>
  <si>
    <t>愛知県飛島村</t>
  </si>
  <si>
    <t>234273</t>
  </si>
  <si>
    <t>愛知県阿久比町</t>
  </si>
  <si>
    <t>234419</t>
  </si>
  <si>
    <t>愛知県東浦町</t>
  </si>
  <si>
    <t>234427</t>
  </si>
  <si>
    <t>愛知県南知多町</t>
  </si>
  <si>
    <t>234451</t>
  </si>
  <si>
    <t>愛知県美浜町</t>
  </si>
  <si>
    <t>234460</t>
  </si>
  <si>
    <t>愛知県武豊町</t>
  </si>
  <si>
    <t>234478</t>
  </si>
  <si>
    <t>愛知県幸田町</t>
  </si>
  <si>
    <t>235016</t>
  </si>
  <si>
    <t>愛知県設楽町</t>
  </si>
  <si>
    <t>235610</t>
  </si>
  <si>
    <t>愛知県東栄町</t>
  </si>
  <si>
    <t>235628</t>
  </si>
  <si>
    <t>愛知県豊根村</t>
  </si>
  <si>
    <t>235636</t>
  </si>
  <si>
    <t>三重県津市</t>
  </si>
  <si>
    <t>242012</t>
  </si>
  <si>
    <t>三重県四日市市</t>
  </si>
  <si>
    <t>242021</t>
  </si>
  <si>
    <t>三重県伊勢市</t>
  </si>
  <si>
    <t>242039</t>
  </si>
  <si>
    <t>三重県松阪市</t>
  </si>
  <si>
    <t>242047</t>
  </si>
  <si>
    <t>三重県桑名市</t>
  </si>
  <si>
    <t>242055</t>
  </si>
  <si>
    <t>三重県鈴鹿市</t>
  </si>
  <si>
    <t>242071</t>
  </si>
  <si>
    <t>三重県名張市</t>
  </si>
  <si>
    <t>242080</t>
  </si>
  <si>
    <t>三重県尾鷲市</t>
  </si>
  <si>
    <t>242098</t>
  </si>
  <si>
    <t>三重県亀山市</t>
  </si>
  <si>
    <t>242101</t>
  </si>
  <si>
    <t>三重県鳥羽市</t>
  </si>
  <si>
    <t>242110</t>
  </si>
  <si>
    <t>三重県熊野市</t>
  </si>
  <si>
    <t>242128</t>
  </si>
  <si>
    <t>三重県いなべ市</t>
  </si>
  <si>
    <t>242144</t>
  </si>
  <si>
    <t>三重県志摩市</t>
  </si>
  <si>
    <t>242152</t>
  </si>
  <si>
    <t>三重県伊賀市</t>
  </si>
  <si>
    <t>242161</t>
  </si>
  <si>
    <t>三重県木曽岬町</t>
  </si>
  <si>
    <t>243035</t>
  </si>
  <si>
    <t>三重県東員町</t>
  </si>
  <si>
    <t>243248</t>
  </si>
  <si>
    <t>三重県菰野町</t>
  </si>
  <si>
    <t>243418</t>
  </si>
  <si>
    <t>三重県朝日町</t>
  </si>
  <si>
    <t>243434</t>
  </si>
  <si>
    <t>三重県川越町</t>
  </si>
  <si>
    <t>243442</t>
  </si>
  <si>
    <t>三重県多気町</t>
  </si>
  <si>
    <t>244414</t>
  </si>
  <si>
    <t>三重県明和町</t>
  </si>
  <si>
    <t>244422</t>
  </si>
  <si>
    <t>三重県大台町</t>
  </si>
  <si>
    <t>244431</t>
  </si>
  <si>
    <t>三重県玉城町</t>
  </si>
  <si>
    <t>244619</t>
  </si>
  <si>
    <t>三重県度会町</t>
  </si>
  <si>
    <t>244708</t>
  </si>
  <si>
    <t>三重県大紀町</t>
  </si>
  <si>
    <t>244716</t>
  </si>
  <si>
    <t>三重県南伊勢町</t>
  </si>
  <si>
    <t>244724</t>
  </si>
  <si>
    <t>三重県紀北町</t>
  </si>
  <si>
    <t>245437</t>
  </si>
  <si>
    <t>三重県御浜町</t>
  </si>
  <si>
    <t>245615</t>
  </si>
  <si>
    <t>三重県紀宝町</t>
  </si>
  <si>
    <t>245623</t>
  </si>
  <si>
    <t>滋賀県大津市</t>
  </si>
  <si>
    <t>252018</t>
  </si>
  <si>
    <t>滋賀県彦根市</t>
  </si>
  <si>
    <t>252026</t>
  </si>
  <si>
    <t>滋賀県長浜市</t>
  </si>
  <si>
    <t>252034</t>
  </si>
  <si>
    <t>滋賀県近江八幡市</t>
  </si>
  <si>
    <t>252042</t>
  </si>
  <si>
    <t>滋賀県草津市</t>
  </si>
  <si>
    <t>252069</t>
  </si>
  <si>
    <t>滋賀県守山市</t>
  </si>
  <si>
    <t>252077</t>
  </si>
  <si>
    <t>滋賀県栗東市</t>
  </si>
  <si>
    <t>252085</t>
  </si>
  <si>
    <t>滋賀県甲賀市</t>
  </si>
  <si>
    <t>252093</t>
  </si>
  <si>
    <t>滋賀県野洲市</t>
  </si>
  <si>
    <t>252107</t>
  </si>
  <si>
    <t>滋賀県湖南市</t>
  </si>
  <si>
    <t>252115</t>
  </si>
  <si>
    <t>滋賀県高島市</t>
  </si>
  <si>
    <t>252123</t>
  </si>
  <si>
    <t>滋賀県東近江市</t>
  </si>
  <si>
    <t>252131</t>
  </si>
  <si>
    <t>滋賀県米原市</t>
  </si>
  <si>
    <t>252140</t>
  </si>
  <si>
    <t>滋賀県日野町</t>
  </si>
  <si>
    <t>253839</t>
  </si>
  <si>
    <t>滋賀県竜王町</t>
  </si>
  <si>
    <t>253847</t>
  </si>
  <si>
    <t>滋賀県愛荘町</t>
  </si>
  <si>
    <t>254258</t>
  </si>
  <si>
    <t>滋賀県豊郷町</t>
  </si>
  <si>
    <t>254410</t>
  </si>
  <si>
    <t>滋賀県甲良町</t>
  </si>
  <si>
    <t>254428</t>
  </si>
  <si>
    <t>滋賀県多賀町</t>
  </si>
  <si>
    <t>254436</t>
  </si>
  <si>
    <t>京都府京都市</t>
  </si>
  <si>
    <t>261009</t>
  </si>
  <si>
    <t>京都府福知山市</t>
  </si>
  <si>
    <t>262013</t>
  </si>
  <si>
    <t>京都府舞鶴市</t>
  </si>
  <si>
    <t>262021</t>
  </si>
  <si>
    <t>京都府綾部市</t>
  </si>
  <si>
    <t>262030</t>
  </si>
  <si>
    <t>京都府宇治市</t>
  </si>
  <si>
    <t>262048</t>
  </si>
  <si>
    <t>京都府宮津市</t>
  </si>
  <si>
    <t>262056</t>
  </si>
  <si>
    <t>京都府亀岡市</t>
  </si>
  <si>
    <t>262064</t>
  </si>
  <si>
    <t>京都府城陽市</t>
  </si>
  <si>
    <t>262072</t>
  </si>
  <si>
    <t>京都府向日市</t>
  </si>
  <si>
    <t>262081</t>
  </si>
  <si>
    <t>京都府長岡京市</t>
  </si>
  <si>
    <t>262099</t>
  </si>
  <si>
    <t>京都府八幡市</t>
  </si>
  <si>
    <t>262102</t>
  </si>
  <si>
    <t>京都府京田辺市</t>
  </si>
  <si>
    <t>262111</t>
  </si>
  <si>
    <t>京都府京丹後市</t>
  </si>
  <si>
    <t>262129</t>
  </si>
  <si>
    <t>京都府南丹市</t>
  </si>
  <si>
    <t>262137</t>
  </si>
  <si>
    <t>京都府木津川市</t>
  </si>
  <si>
    <t>262145</t>
  </si>
  <si>
    <t>京都府大山崎町</t>
  </si>
  <si>
    <t>263036</t>
  </si>
  <si>
    <t>京都府久御山町</t>
  </si>
  <si>
    <t>263222</t>
  </si>
  <si>
    <t>京都府井手町</t>
  </si>
  <si>
    <t>263435</t>
  </si>
  <si>
    <t>京都府宇治田原町</t>
  </si>
  <si>
    <t>263443</t>
  </si>
  <si>
    <t>京都府笠置町</t>
  </si>
  <si>
    <t>263648</t>
  </si>
  <si>
    <t>京都府和束町</t>
  </si>
  <si>
    <t>263656</t>
  </si>
  <si>
    <t>京都府精華町</t>
  </si>
  <si>
    <t>263664</t>
  </si>
  <si>
    <t>京都府南山城村</t>
  </si>
  <si>
    <t>263672</t>
  </si>
  <si>
    <t>京都府京丹波町</t>
  </si>
  <si>
    <t>264075</t>
  </si>
  <si>
    <t>京都府伊根町</t>
  </si>
  <si>
    <t>264636</t>
  </si>
  <si>
    <t>京都府与謝野町</t>
  </si>
  <si>
    <t>264652</t>
  </si>
  <si>
    <t>大阪府大阪市</t>
  </si>
  <si>
    <t>271004</t>
  </si>
  <si>
    <t>大阪府堺市</t>
  </si>
  <si>
    <t>271403</t>
  </si>
  <si>
    <t>大阪府岸和田市</t>
  </si>
  <si>
    <t>272027</t>
  </si>
  <si>
    <t>大阪府豊中市</t>
  </si>
  <si>
    <t>272035</t>
  </si>
  <si>
    <t>大阪府池田市</t>
  </si>
  <si>
    <t>272043</t>
  </si>
  <si>
    <t>大阪府吹田市</t>
  </si>
  <si>
    <t>272051</t>
  </si>
  <si>
    <t>大阪府泉大津市</t>
  </si>
  <si>
    <t>272060</t>
  </si>
  <si>
    <t>大阪府高槻市</t>
  </si>
  <si>
    <t>272078</t>
  </si>
  <si>
    <t>大阪府貝塚市</t>
  </si>
  <si>
    <t>272086</t>
  </si>
  <si>
    <t>大阪府守口市</t>
  </si>
  <si>
    <t>272094</t>
  </si>
  <si>
    <t>大阪府枚方市</t>
  </si>
  <si>
    <t>272108</t>
  </si>
  <si>
    <t>大阪府茨木市</t>
  </si>
  <si>
    <t>272116</t>
  </si>
  <si>
    <t>大阪府八尾市</t>
  </si>
  <si>
    <t>272124</t>
  </si>
  <si>
    <t>大阪府泉佐野市</t>
  </si>
  <si>
    <t>272132</t>
  </si>
  <si>
    <t>大阪府富田林市</t>
  </si>
  <si>
    <t>272141</t>
  </si>
  <si>
    <t>大阪府寝屋川市</t>
  </si>
  <si>
    <t>272159</t>
  </si>
  <si>
    <t>大阪府河内長野市</t>
  </si>
  <si>
    <t>272167</t>
  </si>
  <si>
    <t>大阪府松原市</t>
  </si>
  <si>
    <t>272175</t>
  </si>
  <si>
    <t>大阪府大東市</t>
  </si>
  <si>
    <t>272183</t>
  </si>
  <si>
    <t>大阪府和泉市</t>
  </si>
  <si>
    <t>272191</t>
  </si>
  <si>
    <t>大阪府箕面市</t>
  </si>
  <si>
    <t>272205</t>
  </si>
  <si>
    <t>大阪府柏原市</t>
  </si>
  <si>
    <t>272213</t>
  </si>
  <si>
    <t>大阪府羽曳野市</t>
  </si>
  <si>
    <t>272221</t>
  </si>
  <si>
    <t>大阪府門真市</t>
  </si>
  <si>
    <t>272230</t>
  </si>
  <si>
    <t>大阪府摂津市</t>
  </si>
  <si>
    <t>272248</t>
  </si>
  <si>
    <t>大阪府高石市</t>
  </si>
  <si>
    <t>272256</t>
  </si>
  <si>
    <t>大阪府藤井寺市</t>
  </si>
  <si>
    <t>272264</t>
  </si>
  <si>
    <t>大阪府東大阪市</t>
  </si>
  <si>
    <t>272272</t>
  </si>
  <si>
    <t>大阪府泉南市</t>
  </si>
  <si>
    <t>272281</t>
  </si>
  <si>
    <t>大阪府四條畷市</t>
  </si>
  <si>
    <t>272299</t>
  </si>
  <si>
    <t>大阪府交野市</t>
  </si>
  <si>
    <t>272302</t>
  </si>
  <si>
    <t>大阪府大阪狭山市</t>
  </si>
  <si>
    <t>272311</t>
  </si>
  <si>
    <t>大阪府阪南市</t>
  </si>
  <si>
    <t>272329</t>
  </si>
  <si>
    <t>大阪府島本町</t>
  </si>
  <si>
    <t>273015</t>
  </si>
  <si>
    <t>大阪府豊能町</t>
  </si>
  <si>
    <t>273210</t>
  </si>
  <si>
    <t>大阪府能勢町</t>
  </si>
  <si>
    <t>273228</t>
  </si>
  <si>
    <t>大阪府忠岡町</t>
  </si>
  <si>
    <t>273414</t>
  </si>
  <si>
    <t>大阪府熊取町</t>
  </si>
  <si>
    <t>273619</t>
  </si>
  <si>
    <t>大阪府田尻町</t>
  </si>
  <si>
    <t>273627</t>
  </si>
  <si>
    <t>大阪府岬町</t>
  </si>
  <si>
    <t>273660</t>
  </si>
  <si>
    <t>大阪府太子町</t>
  </si>
  <si>
    <t>273813</t>
  </si>
  <si>
    <t>大阪府河南町</t>
  </si>
  <si>
    <t>273821</t>
  </si>
  <si>
    <t>大阪府千早赤阪村</t>
  </si>
  <si>
    <t>273830</t>
  </si>
  <si>
    <t>兵庫県神戸市</t>
  </si>
  <si>
    <t>281000</t>
  </si>
  <si>
    <t>兵庫県姫路市</t>
  </si>
  <si>
    <t>282014</t>
  </si>
  <si>
    <t>兵庫県尼崎市</t>
  </si>
  <si>
    <t>282022</t>
  </si>
  <si>
    <t>兵庫県明石市</t>
  </si>
  <si>
    <t>282031</t>
  </si>
  <si>
    <t>兵庫県西宮市</t>
  </si>
  <si>
    <t>282049</t>
  </si>
  <si>
    <t>兵庫県洲本市</t>
  </si>
  <si>
    <t>282057</t>
  </si>
  <si>
    <t>兵庫県芦屋市</t>
  </si>
  <si>
    <t>282065</t>
  </si>
  <si>
    <t>兵庫県伊丹市</t>
  </si>
  <si>
    <t>282073</t>
  </si>
  <si>
    <t>兵庫県相生市</t>
  </si>
  <si>
    <t>282081</t>
  </si>
  <si>
    <t>兵庫県豊岡市</t>
  </si>
  <si>
    <t>282090</t>
  </si>
  <si>
    <t>兵庫県加古川市</t>
  </si>
  <si>
    <t>282103</t>
  </si>
  <si>
    <t>兵庫県赤穂市</t>
  </si>
  <si>
    <t>282120</t>
  </si>
  <si>
    <t>兵庫県西脇市</t>
  </si>
  <si>
    <t>282138</t>
  </si>
  <si>
    <t>兵庫県宝塚市</t>
  </si>
  <si>
    <t>282146</t>
  </si>
  <si>
    <t>兵庫県三木市</t>
  </si>
  <si>
    <t>282154</t>
  </si>
  <si>
    <t>兵庫県高砂市</t>
  </si>
  <si>
    <t>282162</t>
  </si>
  <si>
    <t>兵庫県川西市</t>
  </si>
  <si>
    <t>282171</t>
  </si>
  <si>
    <t>兵庫県小野市</t>
  </si>
  <si>
    <t>282189</t>
  </si>
  <si>
    <t>兵庫県三田市</t>
  </si>
  <si>
    <t>282197</t>
  </si>
  <si>
    <t>兵庫県加西市</t>
  </si>
  <si>
    <t>282201</t>
  </si>
  <si>
    <t>兵庫県丹波篠山市</t>
  </si>
  <si>
    <t>282219</t>
  </si>
  <si>
    <t>兵庫県養父市</t>
  </si>
  <si>
    <t>282227</t>
  </si>
  <si>
    <t>兵庫県丹波市</t>
  </si>
  <si>
    <t>282235</t>
  </si>
  <si>
    <t>兵庫県南あわじ市</t>
  </si>
  <si>
    <t>282243</t>
  </si>
  <si>
    <t>兵庫県朝来市</t>
  </si>
  <si>
    <t>282251</t>
  </si>
  <si>
    <t>兵庫県淡路市</t>
  </si>
  <si>
    <t>282260</t>
  </si>
  <si>
    <t>兵庫県宍粟市</t>
  </si>
  <si>
    <t>282278</t>
  </si>
  <si>
    <t>兵庫県加東市</t>
  </si>
  <si>
    <t>282286</t>
  </si>
  <si>
    <t>兵庫県たつの市</t>
  </si>
  <si>
    <t>282294</t>
  </si>
  <si>
    <t>兵庫県猪名川町</t>
  </si>
  <si>
    <t>283011</t>
  </si>
  <si>
    <t>兵庫県多可町</t>
  </si>
  <si>
    <t>283657</t>
  </si>
  <si>
    <t>兵庫県稲美町</t>
  </si>
  <si>
    <t>283819</t>
  </si>
  <si>
    <t>兵庫県播磨町</t>
  </si>
  <si>
    <t>283827</t>
  </si>
  <si>
    <t>兵庫県市川町</t>
  </si>
  <si>
    <t>284424</t>
  </si>
  <si>
    <t>兵庫県福崎町</t>
  </si>
  <si>
    <t>284432</t>
  </si>
  <si>
    <t>兵庫県神河町</t>
  </si>
  <si>
    <t>284467</t>
  </si>
  <si>
    <t>兵庫県太子町</t>
  </si>
  <si>
    <t>284645</t>
  </si>
  <si>
    <t>兵庫県上郡町</t>
  </si>
  <si>
    <t>284815</t>
  </si>
  <si>
    <t>兵庫県佐用町</t>
  </si>
  <si>
    <t>285013</t>
  </si>
  <si>
    <t>兵庫県香美町</t>
  </si>
  <si>
    <t>285854</t>
  </si>
  <si>
    <t>兵庫県新温泉町</t>
  </si>
  <si>
    <t>285862</t>
  </si>
  <si>
    <t>奈良県奈良市</t>
  </si>
  <si>
    <t>292010</t>
  </si>
  <si>
    <t>奈良県大和高田市</t>
  </si>
  <si>
    <t>292028</t>
  </si>
  <si>
    <t>奈良県大和郡山市</t>
  </si>
  <si>
    <t>292036</t>
  </si>
  <si>
    <t>奈良県天理市</t>
  </si>
  <si>
    <t>292044</t>
  </si>
  <si>
    <t>奈良県橿原市</t>
  </si>
  <si>
    <t>292052</t>
  </si>
  <si>
    <t>奈良県桜井市</t>
  </si>
  <si>
    <t>292061</t>
  </si>
  <si>
    <t>奈良県五條市</t>
  </si>
  <si>
    <t>292079</t>
  </si>
  <si>
    <t>奈良県御所市</t>
  </si>
  <si>
    <t>292087</t>
  </si>
  <si>
    <t>奈良県生駒市</t>
  </si>
  <si>
    <t>292095</t>
  </si>
  <si>
    <t>奈良県香芝市</t>
  </si>
  <si>
    <t>292109</t>
  </si>
  <si>
    <t>奈良県葛城市</t>
  </si>
  <si>
    <t>292117</t>
  </si>
  <si>
    <t>奈良県宇陀市</t>
  </si>
  <si>
    <t>292125</t>
  </si>
  <si>
    <t>奈良県山添村</t>
  </si>
  <si>
    <t>293229</t>
  </si>
  <si>
    <t>奈良県平群町</t>
  </si>
  <si>
    <t>293423</t>
  </si>
  <si>
    <t>奈良県三郷町</t>
  </si>
  <si>
    <t>293431</t>
  </si>
  <si>
    <t>奈良県斑鳩町</t>
  </si>
  <si>
    <t>293440</t>
  </si>
  <si>
    <t>奈良県安堵町</t>
  </si>
  <si>
    <t>293458</t>
  </si>
  <si>
    <t>奈良県川西町</t>
  </si>
  <si>
    <t>293610</t>
  </si>
  <si>
    <t>奈良県三宅町</t>
  </si>
  <si>
    <t>293628</t>
  </si>
  <si>
    <t>奈良県田原本町</t>
  </si>
  <si>
    <t>293636</t>
  </si>
  <si>
    <t>奈良県曽爾村</t>
  </si>
  <si>
    <t>293857</t>
  </si>
  <si>
    <t>奈良県御杖村</t>
  </si>
  <si>
    <t>293865</t>
  </si>
  <si>
    <t>奈良県高取町</t>
  </si>
  <si>
    <t>294012</t>
  </si>
  <si>
    <t>奈良県明日香村</t>
  </si>
  <si>
    <t>294021</t>
  </si>
  <si>
    <t>奈良県上牧町</t>
  </si>
  <si>
    <t>294241</t>
  </si>
  <si>
    <t>奈良県王寺町</t>
  </si>
  <si>
    <t>294250</t>
  </si>
  <si>
    <t>奈良県広陵町</t>
  </si>
  <si>
    <t>294268</t>
  </si>
  <si>
    <t>奈良県河合町</t>
  </si>
  <si>
    <t>294276</t>
  </si>
  <si>
    <t>奈良県吉野町</t>
  </si>
  <si>
    <t>294411</t>
  </si>
  <si>
    <t>奈良県大淀町</t>
  </si>
  <si>
    <t>294420</t>
  </si>
  <si>
    <t>奈良県下市町</t>
  </si>
  <si>
    <t>294438</t>
  </si>
  <si>
    <t>奈良県黒滝村</t>
  </si>
  <si>
    <t>294446</t>
  </si>
  <si>
    <t>奈良県天川村</t>
  </si>
  <si>
    <t>294462</t>
  </si>
  <si>
    <t>奈良県野迫川村</t>
  </si>
  <si>
    <t>294471</t>
  </si>
  <si>
    <t>奈良県十津川村</t>
  </si>
  <si>
    <t>294497</t>
  </si>
  <si>
    <t>奈良県下北山村</t>
  </si>
  <si>
    <t>294501</t>
  </si>
  <si>
    <t>奈良県上北山村</t>
  </si>
  <si>
    <t>294519</t>
  </si>
  <si>
    <t>奈良県川上村</t>
  </si>
  <si>
    <t>294527</t>
  </si>
  <si>
    <t>奈良県東吉野村</t>
  </si>
  <si>
    <t>294535</t>
  </si>
  <si>
    <t>和歌山県和歌山市</t>
  </si>
  <si>
    <t>302015</t>
  </si>
  <si>
    <t>和歌山県海南市</t>
  </si>
  <si>
    <t>302023</t>
  </si>
  <si>
    <t>和歌山県橋本市</t>
  </si>
  <si>
    <t>302031</t>
  </si>
  <si>
    <t>和歌山県有田市</t>
  </si>
  <si>
    <t>302040</t>
  </si>
  <si>
    <t>和歌山県御坊市</t>
  </si>
  <si>
    <t>302058</t>
  </si>
  <si>
    <t>和歌山県田辺市</t>
  </si>
  <si>
    <t>302066</t>
  </si>
  <si>
    <t>和歌山県新宮市</t>
  </si>
  <si>
    <t>302074</t>
  </si>
  <si>
    <t>和歌山県紀の川市</t>
  </si>
  <si>
    <t>302082</t>
  </si>
  <si>
    <t>和歌山県岩出市</t>
  </si>
  <si>
    <t>302091</t>
  </si>
  <si>
    <t>和歌山県紀美野町</t>
  </si>
  <si>
    <t>303046</t>
  </si>
  <si>
    <t>和歌山県かつらぎ町</t>
  </si>
  <si>
    <t>303411</t>
  </si>
  <si>
    <t>和歌山県九度山町</t>
  </si>
  <si>
    <t>303437</t>
  </si>
  <si>
    <t>和歌山県高野町</t>
  </si>
  <si>
    <t>303445</t>
  </si>
  <si>
    <t>和歌山県湯浅町</t>
  </si>
  <si>
    <t>303615</t>
  </si>
  <si>
    <t>和歌山県広川町</t>
  </si>
  <si>
    <t>303623</t>
  </si>
  <si>
    <t>和歌山県有田川町</t>
  </si>
  <si>
    <t>303666</t>
  </si>
  <si>
    <t>和歌山県美浜町</t>
  </si>
  <si>
    <t>303810</t>
  </si>
  <si>
    <t>和歌山県日高町</t>
  </si>
  <si>
    <t>303828</t>
  </si>
  <si>
    <t>和歌山県由良町</t>
  </si>
  <si>
    <t>303836</t>
  </si>
  <si>
    <t>和歌山県印南町</t>
  </si>
  <si>
    <t>303909</t>
  </si>
  <si>
    <t>和歌山県みなべ町</t>
  </si>
  <si>
    <t>303917</t>
  </si>
  <si>
    <t>和歌山県日高川町</t>
  </si>
  <si>
    <t>303925</t>
  </si>
  <si>
    <t>和歌山県白浜町</t>
  </si>
  <si>
    <t>304018</t>
  </si>
  <si>
    <t>和歌山県上富田町</t>
  </si>
  <si>
    <t>304042</t>
  </si>
  <si>
    <t>和歌山県すさみ町</t>
  </si>
  <si>
    <t>304069</t>
  </si>
  <si>
    <t>和歌山県那智勝浦町</t>
  </si>
  <si>
    <t>304212</t>
  </si>
  <si>
    <t>和歌山県太地町</t>
  </si>
  <si>
    <t>304221</t>
  </si>
  <si>
    <t>和歌山県古座川町</t>
  </si>
  <si>
    <t>304247</t>
  </si>
  <si>
    <t>和歌山県北山村</t>
  </si>
  <si>
    <t>304271</t>
  </si>
  <si>
    <t>和歌山県串本町</t>
  </si>
  <si>
    <t>304280</t>
  </si>
  <si>
    <t>鳥取県鳥取市</t>
  </si>
  <si>
    <t>312011</t>
  </si>
  <si>
    <t>鳥取県米子市</t>
  </si>
  <si>
    <t>312029</t>
  </si>
  <si>
    <t>鳥取県倉吉市</t>
  </si>
  <si>
    <t>312037</t>
  </si>
  <si>
    <t>鳥取県境港市</t>
  </si>
  <si>
    <t>312045</t>
  </si>
  <si>
    <t>鳥取県岩美町</t>
  </si>
  <si>
    <t>313025</t>
  </si>
  <si>
    <t>鳥取県若桜町</t>
  </si>
  <si>
    <t>313254</t>
  </si>
  <si>
    <t>鳥取県智頭町</t>
  </si>
  <si>
    <t>313289</t>
  </si>
  <si>
    <t>鳥取県八頭町</t>
  </si>
  <si>
    <t>313297</t>
  </si>
  <si>
    <t>鳥取県三朝町</t>
  </si>
  <si>
    <t>313645</t>
  </si>
  <si>
    <t>鳥取県湯梨浜町</t>
  </si>
  <si>
    <t>313700</t>
  </si>
  <si>
    <t>鳥取県琴浦町</t>
  </si>
  <si>
    <t>313718</t>
  </si>
  <si>
    <t>鳥取県北栄町</t>
  </si>
  <si>
    <t>313726</t>
  </si>
  <si>
    <t>鳥取県日吉津村</t>
  </si>
  <si>
    <t>313840</t>
  </si>
  <si>
    <t>鳥取県大山町</t>
  </si>
  <si>
    <t>313866</t>
  </si>
  <si>
    <t>鳥取県南部町</t>
  </si>
  <si>
    <t>313891</t>
  </si>
  <si>
    <t>鳥取県伯耆町</t>
  </si>
  <si>
    <t>313904</t>
  </si>
  <si>
    <t>鳥取県日南町</t>
  </si>
  <si>
    <t>314013</t>
  </si>
  <si>
    <t>鳥取県日野町</t>
  </si>
  <si>
    <t>314021</t>
  </si>
  <si>
    <t>鳥取県江府町</t>
  </si>
  <si>
    <t>314030</t>
  </si>
  <si>
    <t>島根県松江市</t>
  </si>
  <si>
    <t>322016</t>
  </si>
  <si>
    <t>島根県浜田市</t>
  </si>
  <si>
    <t>322024</t>
  </si>
  <si>
    <t>島根県出雲市</t>
  </si>
  <si>
    <t>322032</t>
  </si>
  <si>
    <t>島根県益田市</t>
  </si>
  <si>
    <t>322041</t>
  </si>
  <si>
    <t>島根県大田市</t>
  </si>
  <si>
    <t>322059</t>
  </si>
  <si>
    <t>島根県安来市</t>
  </si>
  <si>
    <t>322067</t>
  </si>
  <si>
    <t>島根県江津市</t>
  </si>
  <si>
    <t>322075</t>
  </si>
  <si>
    <t>島根県雲南市</t>
  </si>
  <si>
    <t>322091</t>
  </si>
  <si>
    <t>島根県奥出雲町</t>
  </si>
  <si>
    <t>323438</t>
  </si>
  <si>
    <t>島根県飯南町</t>
  </si>
  <si>
    <t>323861</t>
  </si>
  <si>
    <t>島根県川本町</t>
  </si>
  <si>
    <t>324418</t>
  </si>
  <si>
    <t>島根県美郷町</t>
  </si>
  <si>
    <t>324485</t>
  </si>
  <si>
    <t>島根県邑南町</t>
  </si>
  <si>
    <t>324493</t>
  </si>
  <si>
    <t>島根県津和野町</t>
  </si>
  <si>
    <t>325015</t>
  </si>
  <si>
    <t>島根県吉賀町</t>
  </si>
  <si>
    <t>325058</t>
  </si>
  <si>
    <t>島根県海士町</t>
  </si>
  <si>
    <t>325252</t>
  </si>
  <si>
    <t>島根県西ノ島町</t>
  </si>
  <si>
    <t>325261</t>
  </si>
  <si>
    <t>島根県知夫村</t>
  </si>
  <si>
    <t>325279</t>
  </si>
  <si>
    <t>島根県隠岐の島町</t>
  </si>
  <si>
    <t>325287</t>
  </si>
  <si>
    <t>岡山県岡山市</t>
  </si>
  <si>
    <t>331007</t>
  </si>
  <si>
    <t>岡山県倉敷市</t>
  </si>
  <si>
    <t>332020</t>
  </si>
  <si>
    <t>岡山県津山市</t>
  </si>
  <si>
    <t>332038</t>
  </si>
  <si>
    <t>岡山県玉野市</t>
  </si>
  <si>
    <t>332046</t>
  </si>
  <si>
    <t>岡山県笠岡市</t>
  </si>
  <si>
    <t>332054</t>
  </si>
  <si>
    <t>岡山県井原市</t>
  </si>
  <si>
    <t>332071</t>
  </si>
  <si>
    <t>岡山県総社市</t>
  </si>
  <si>
    <t>332089</t>
  </si>
  <si>
    <t>岡山県高梁市</t>
  </si>
  <si>
    <t>332097</t>
  </si>
  <si>
    <t>岡山県新見市</t>
  </si>
  <si>
    <t>332101</t>
  </si>
  <si>
    <t>岡山県備前市</t>
  </si>
  <si>
    <t>332119</t>
  </si>
  <si>
    <t>岡山県瀬戸内市</t>
  </si>
  <si>
    <t>332127</t>
  </si>
  <si>
    <t>岡山県赤磐市</t>
  </si>
  <si>
    <t>332135</t>
  </si>
  <si>
    <t>岡山県真庭市</t>
  </si>
  <si>
    <t>332143</t>
  </si>
  <si>
    <t>岡山県美作市</t>
  </si>
  <si>
    <t>332151</t>
  </si>
  <si>
    <t>岡山県浅口市</t>
  </si>
  <si>
    <t>332160</t>
  </si>
  <si>
    <t>岡山県和気町</t>
  </si>
  <si>
    <t>333468</t>
  </si>
  <si>
    <t>岡山県早島町</t>
  </si>
  <si>
    <t>334235</t>
  </si>
  <si>
    <t>岡山県里庄町</t>
  </si>
  <si>
    <t>334456</t>
  </si>
  <si>
    <t>岡山県矢掛町</t>
  </si>
  <si>
    <t>334618</t>
  </si>
  <si>
    <t>岡山県新庄村</t>
  </si>
  <si>
    <t>335860</t>
  </si>
  <si>
    <t>岡山県鏡野町</t>
  </si>
  <si>
    <t>336068</t>
  </si>
  <si>
    <t>岡山県勝央町</t>
  </si>
  <si>
    <t>336220</t>
  </si>
  <si>
    <t>岡山県奈義町</t>
  </si>
  <si>
    <t>336238</t>
  </si>
  <si>
    <t>岡山県西粟倉村</t>
  </si>
  <si>
    <t>336432</t>
  </si>
  <si>
    <t>岡山県久米南町</t>
  </si>
  <si>
    <t>336637</t>
  </si>
  <si>
    <t>岡山県美咲町</t>
  </si>
  <si>
    <t>336661</t>
  </si>
  <si>
    <t>岡山県吉備中央町</t>
  </si>
  <si>
    <t>336815</t>
  </si>
  <si>
    <t>広島県広島市</t>
  </si>
  <si>
    <t>341002</t>
  </si>
  <si>
    <t>広島県呉市</t>
  </si>
  <si>
    <t>342025</t>
  </si>
  <si>
    <t>広島県竹原市</t>
  </si>
  <si>
    <t>342033</t>
  </si>
  <si>
    <t>広島県三原市</t>
  </si>
  <si>
    <t>342041</t>
  </si>
  <si>
    <t>広島県尾道市</t>
  </si>
  <si>
    <t>342050</t>
  </si>
  <si>
    <t>広島県福山市</t>
  </si>
  <si>
    <t>342076</t>
  </si>
  <si>
    <t>広島県府中市</t>
  </si>
  <si>
    <t>342084</t>
  </si>
  <si>
    <t>広島県三次市</t>
  </si>
  <si>
    <t>342092</t>
  </si>
  <si>
    <t>広島県庄原市</t>
  </si>
  <si>
    <t>342106</t>
  </si>
  <si>
    <t>広島県大竹市</t>
  </si>
  <si>
    <t>342114</t>
  </si>
  <si>
    <t>広島県東広島市</t>
  </si>
  <si>
    <t>342122</t>
  </si>
  <si>
    <t>広島県廿日市市</t>
  </si>
  <si>
    <t>342131</t>
  </si>
  <si>
    <t>広島県安芸高田市</t>
  </si>
  <si>
    <t>342149</t>
  </si>
  <si>
    <t>広島県江田島市</t>
  </si>
  <si>
    <t>342157</t>
  </si>
  <si>
    <t>広島県府中町</t>
  </si>
  <si>
    <t>343021</t>
  </si>
  <si>
    <t>広島県海田町</t>
  </si>
  <si>
    <t>343048</t>
  </si>
  <si>
    <t>広島県熊野町</t>
  </si>
  <si>
    <t>343072</t>
  </si>
  <si>
    <t>広島県坂町</t>
  </si>
  <si>
    <t>343099</t>
  </si>
  <si>
    <t>広島県安芸太田町</t>
  </si>
  <si>
    <t>343684</t>
  </si>
  <si>
    <t>広島県北広島町</t>
  </si>
  <si>
    <t>343692</t>
  </si>
  <si>
    <t>広島県大崎上島町</t>
  </si>
  <si>
    <t>344311</t>
  </si>
  <si>
    <t>広島県世羅町</t>
  </si>
  <si>
    <t>344621</t>
  </si>
  <si>
    <t>広島県神石高原町</t>
  </si>
  <si>
    <t>345458</t>
  </si>
  <si>
    <t>山口県下関市</t>
  </si>
  <si>
    <t>352012</t>
  </si>
  <si>
    <t>山口県宇部市</t>
  </si>
  <si>
    <t>352021</t>
  </si>
  <si>
    <t>山口県山口市</t>
  </si>
  <si>
    <t>352039</t>
  </si>
  <si>
    <t>山口県萩市</t>
  </si>
  <si>
    <t>352047</t>
  </si>
  <si>
    <t>山口県防府市</t>
  </si>
  <si>
    <t>352063</t>
  </si>
  <si>
    <t>山口県下松市</t>
  </si>
  <si>
    <t>352071</t>
  </si>
  <si>
    <t>山口県岩国市</t>
  </si>
  <si>
    <t>352080</t>
  </si>
  <si>
    <t>山口県光市</t>
  </si>
  <si>
    <t>352101</t>
  </si>
  <si>
    <t>山口県長門市</t>
  </si>
  <si>
    <t>352110</t>
  </si>
  <si>
    <t>山口県柳井市</t>
  </si>
  <si>
    <t>352128</t>
  </si>
  <si>
    <t>山口県美祢市</t>
  </si>
  <si>
    <t>352136</t>
  </si>
  <si>
    <t>山口県周南市</t>
  </si>
  <si>
    <t>352152</t>
  </si>
  <si>
    <t>山口県山陽小野田市</t>
  </si>
  <si>
    <t>352161</t>
  </si>
  <si>
    <t>山口県周防大島町</t>
  </si>
  <si>
    <t>353051</t>
  </si>
  <si>
    <t>山口県和木町</t>
  </si>
  <si>
    <t>353213</t>
  </si>
  <si>
    <t>山口県上関町</t>
  </si>
  <si>
    <t>353418</t>
  </si>
  <si>
    <t>山口県田布施町</t>
  </si>
  <si>
    <t>353434</t>
  </si>
  <si>
    <t>山口県平生町</t>
  </si>
  <si>
    <t>353442</t>
  </si>
  <si>
    <t>山口県阿武町</t>
  </si>
  <si>
    <t>355020</t>
  </si>
  <si>
    <t>徳島県徳島市</t>
  </si>
  <si>
    <t>362018</t>
  </si>
  <si>
    <t>徳島県鳴門市</t>
  </si>
  <si>
    <t>362026</t>
  </si>
  <si>
    <t>徳島県小松島市</t>
  </si>
  <si>
    <t>362034</t>
  </si>
  <si>
    <t>徳島県阿南市</t>
  </si>
  <si>
    <t>362042</t>
  </si>
  <si>
    <t>徳島県吉野川市</t>
  </si>
  <si>
    <t>362051</t>
  </si>
  <si>
    <t>徳島県阿波市</t>
  </si>
  <si>
    <t>362069</t>
  </si>
  <si>
    <t>徳島県美馬市</t>
  </si>
  <si>
    <t>362077</t>
  </si>
  <si>
    <t>徳島県三好市</t>
  </si>
  <si>
    <t>362085</t>
  </si>
  <si>
    <t>徳島県勝浦町</t>
  </si>
  <si>
    <t>363014</t>
  </si>
  <si>
    <t>徳島県上勝町</t>
  </si>
  <si>
    <t>363022</t>
  </si>
  <si>
    <t>徳島県佐那河内村</t>
  </si>
  <si>
    <t>363219</t>
  </si>
  <si>
    <t>徳島県石井町</t>
  </si>
  <si>
    <t>363413</t>
  </si>
  <si>
    <t>徳島県神山町</t>
  </si>
  <si>
    <t>363421</t>
  </si>
  <si>
    <t>徳島県那賀町</t>
  </si>
  <si>
    <t>363685</t>
  </si>
  <si>
    <t>徳島県牟岐町</t>
  </si>
  <si>
    <t>363839</t>
  </si>
  <si>
    <t>徳島県美波町</t>
  </si>
  <si>
    <t>363871</t>
  </si>
  <si>
    <t>徳島県海陽町</t>
  </si>
  <si>
    <t>363880</t>
  </si>
  <si>
    <t>徳島県松茂町</t>
  </si>
  <si>
    <t>364011</t>
  </si>
  <si>
    <t>徳島県北島町</t>
  </si>
  <si>
    <t>364029</t>
  </si>
  <si>
    <t>徳島県藍住町</t>
  </si>
  <si>
    <t>364037</t>
  </si>
  <si>
    <t>徳島県板野町</t>
  </si>
  <si>
    <t>364045</t>
  </si>
  <si>
    <t>徳島県上板町</t>
  </si>
  <si>
    <t>364053</t>
  </si>
  <si>
    <t>徳島県つるぎ町</t>
  </si>
  <si>
    <t>364681</t>
  </si>
  <si>
    <t>徳島県東みよし町</t>
  </si>
  <si>
    <t>364894</t>
  </si>
  <si>
    <t>香川県高松市</t>
  </si>
  <si>
    <t>372013</t>
  </si>
  <si>
    <t>香川県丸亀市</t>
  </si>
  <si>
    <t>372021</t>
  </si>
  <si>
    <t>香川県坂出市</t>
  </si>
  <si>
    <t>372030</t>
  </si>
  <si>
    <t>香川県善通寺市</t>
  </si>
  <si>
    <t>372048</t>
  </si>
  <si>
    <t>香川県観音寺市</t>
  </si>
  <si>
    <t>372056</t>
  </si>
  <si>
    <t>香川県さぬき市</t>
  </si>
  <si>
    <t>372064</t>
  </si>
  <si>
    <t>香川県東かがわ市</t>
  </si>
  <si>
    <t>372072</t>
  </si>
  <si>
    <t>香川県三豊市</t>
  </si>
  <si>
    <t>372081</t>
  </si>
  <si>
    <t>香川県土庄町</t>
  </si>
  <si>
    <t>373222</t>
  </si>
  <si>
    <t>香川県小豆島町</t>
  </si>
  <si>
    <t>373249</t>
  </si>
  <si>
    <t>香川県三木町</t>
  </si>
  <si>
    <t>373419</t>
  </si>
  <si>
    <t>香川県直島町</t>
  </si>
  <si>
    <t>373648</t>
  </si>
  <si>
    <t>香川県宇多津町</t>
  </si>
  <si>
    <t>373869</t>
  </si>
  <si>
    <t>香川県綾川町</t>
  </si>
  <si>
    <t>373877</t>
  </si>
  <si>
    <t>香川県琴平町</t>
  </si>
  <si>
    <t>374032</t>
  </si>
  <si>
    <t>香川県多度津町</t>
  </si>
  <si>
    <t>374041</t>
  </si>
  <si>
    <t>香川県まんのう町</t>
  </si>
  <si>
    <t>374067</t>
  </si>
  <si>
    <t>愛媛県松山市</t>
  </si>
  <si>
    <t>382019</t>
  </si>
  <si>
    <t>愛媛県今治市</t>
  </si>
  <si>
    <t>382027</t>
  </si>
  <si>
    <t>愛媛県宇和島市</t>
  </si>
  <si>
    <t>382035</t>
  </si>
  <si>
    <t>愛媛県八幡浜市</t>
  </si>
  <si>
    <t>382043</t>
  </si>
  <si>
    <t>愛媛県新居浜市</t>
  </si>
  <si>
    <t>382051</t>
  </si>
  <si>
    <t>愛媛県西条市</t>
  </si>
  <si>
    <t>382060</t>
  </si>
  <si>
    <t>愛媛県大洲市</t>
  </si>
  <si>
    <t>382078</t>
  </si>
  <si>
    <t>愛媛県伊予市</t>
  </si>
  <si>
    <t>382108</t>
  </si>
  <si>
    <t>愛媛県四国中央市</t>
  </si>
  <si>
    <t>382132</t>
  </si>
  <si>
    <t>愛媛県西予市</t>
  </si>
  <si>
    <t>382141</t>
  </si>
  <si>
    <t>愛媛県東温市</t>
  </si>
  <si>
    <t>382159</t>
  </si>
  <si>
    <t>愛媛県上島町</t>
  </si>
  <si>
    <t>383562</t>
  </si>
  <si>
    <t>愛媛県久万高原町</t>
  </si>
  <si>
    <t>383864</t>
  </si>
  <si>
    <t>愛媛県松前町</t>
  </si>
  <si>
    <t>384011</t>
  </si>
  <si>
    <t>愛媛県砥部町</t>
  </si>
  <si>
    <t>384020</t>
  </si>
  <si>
    <t>愛媛県内子町</t>
  </si>
  <si>
    <t>384224</t>
  </si>
  <si>
    <t>愛媛県伊方町</t>
  </si>
  <si>
    <t>384429</t>
  </si>
  <si>
    <t>愛媛県松野町</t>
  </si>
  <si>
    <t>384844</t>
  </si>
  <si>
    <t>愛媛県鬼北町</t>
  </si>
  <si>
    <t>384887</t>
  </si>
  <si>
    <t>愛媛県愛南町</t>
  </si>
  <si>
    <t>385069</t>
  </si>
  <si>
    <t>高知県高知市</t>
  </si>
  <si>
    <t>392014</t>
  </si>
  <si>
    <t>高知県室戸市</t>
  </si>
  <si>
    <t>392022</t>
  </si>
  <si>
    <t>高知県安芸市</t>
  </si>
  <si>
    <t>392031</t>
  </si>
  <si>
    <t>高知県南国市</t>
  </si>
  <si>
    <t>392049</t>
  </si>
  <si>
    <t>高知県土佐市</t>
  </si>
  <si>
    <t>392057</t>
  </si>
  <si>
    <t>高知県須崎市</t>
  </si>
  <si>
    <t>392065</t>
  </si>
  <si>
    <t>高知県宿毛市</t>
  </si>
  <si>
    <t>392081</t>
  </si>
  <si>
    <t>高知県土佐清水市</t>
  </si>
  <si>
    <t>392090</t>
  </si>
  <si>
    <t>高知県四万十市</t>
  </si>
  <si>
    <t>392103</t>
  </si>
  <si>
    <t>高知県香南市</t>
  </si>
  <si>
    <t>392111</t>
  </si>
  <si>
    <t>高知県香美市</t>
  </si>
  <si>
    <t>392120</t>
  </si>
  <si>
    <t>高知県東洋町</t>
  </si>
  <si>
    <t>393011</t>
  </si>
  <si>
    <t>高知県奈半利町</t>
  </si>
  <si>
    <t>393029</t>
  </si>
  <si>
    <t>高知県田野町</t>
  </si>
  <si>
    <t>393037</t>
  </si>
  <si>
    <t>高知県安田町</t>
  </si>
  <si>
    <t>393045</t>
  </si>
  <si>
    <t>高知県北川村</t>
  </si>
  <si>
    <t>393053</t>
  </si>
  <si>
    <t>高知県馬路村</t>
  </si>
  <si>
    <t>393061</t>
  </si>
  <si>
    <t>高知県芸西村</t>
  </si>
  <si>
    <t>393070</t>
  </si>
  <si>
    <t>高知県本山町</t>
  </si>
  <si>
    <t>393410</t>
  </si>
  <si>
    <t>高知県大豊町</t>
  </si>
  <si>
    <t>393444</t>
  </si>
  <si>
    <t>高知県土佐町</t>
  </si>
  <si>
    <t>393631</t>
  </si>
  <si>
    <t>高知県大川村</t>
  </si>
  <si>
    <t>393649</t>
  </si>
  <si>
    <t>高知県いの町</t>
  </si>
  <si>
    <t>393860</t>
  </si>
  <si>
    <t>高知県仁淀川町</t>
  </si>
  <si>
    <t>393878</t>
  </si>
  <si>
    <t>高知県中土佐町</t>
  </si>
  <si>
    <t>394017</t>
  </si>
  <si>
    <t>高知県佐川町</t>
  </si>
  <si>
    <t>394025</t>
  </si>
  <si>
    <t>高知県越知町</t>
  </si>
  <si>
    <t>394033</t>
  </si>
  <si>
    <t>高知県梼原町</t>
  </si>
  <si>
    <t>394050</t>
  </si>
  <si>
    <t>高知県日高村</t>
  </si>
  <si>
    <t>394106</t>
  </si>
  <si>
    <t>高知県津野町</t>
  </si>
  <si>
    <t>394114</t>
  </si>
  <si>
    <t>高知県四万十町</t>
  </si>
  <si>
    <t>394122</t>
  </si>
  <si>
    <t>高知県大月町</t>
  </si>
  <si>
    <t>394246</t>
  </si>
  <si>
    <t>高知県三原村</t>
  </si>
  <si>
    <t>394271</t>
  </si>
  <si>
    <t>高知県黒潮町</t>
  </si>
  <si>
    <t>394289</t>
  </si>
  <si>
    <t>福岡県北九州市</t>
  </si>
  <si>
    <t>401005</t>
  </si>
  <si>
    <t>福岡県福岡市</t>
  </si>
  <si>
    <t>401307</t>
  </si>
  <si>
    <t>福岡県大牟田市</t>
  </si>
  <si>
    <t>402028</t>
  </si>
  <si>
    <t>福岡県久留米市</t>
  </si>
  <si>
    <t>402036</t>
  </si>
  <si>
    <t>福岡県直方市</t>
  </si>
  <si>
    <t>402044</t>
  </si>
  <si>
    <t>福岡県飯塚市</t>
  </si>
  <si>
    <t>402052</t>
  </si>
  <si>
    <t>福岡県田川市</t>
  </si>
  <si>
    <t>402061</t>
  </si>
  <si>
    <t>福岡県柳川市</t>
  </si>
  <si>
    <t>402079</t>
  </si>
  <si>
    <t>福岡県八女市</t>
  </si>
  <si>
    <t>402109</t>
  </si>
  <si>
    <t>福岡県筑後市</t>
  </si>
  <si>
    <t>402117</t>
  </si>
  <si>
    <t>福岡県大川市</t>
  </si>
  <si>
    <t>402125</t>
  </si>
  <si>
    <t>福岡県行橋市</t>
  </si>
  <si>
    <t>402133</t>
  </si>
  <si>
    <t>福岡県豊前市</t>
  </si>
  <si>
    <t>402141</t>
  </si>
  <si>
    <t>福岡県中間市</t>
  </si>
  <si>
    <t>402150</t>
  </si>
  <si>
    <t>福岡県小郡市</t>
  </si>
  <si>
    <t>402168</t>
  </si>
  <si>
    <t>福岡県筑紫野市</t>
  </si>
  <si>
    <t>402176</t>
  </si>
  <si>
    <t>福岡県春日市</t>
  </si>
  <si>
    <t>402184</t>
  </si>
  <si>
    <t>福岡県大野城市</t>
  </si>
  <si>
    <t>402192</t>
  </si>
  <si>
    <t>福岡県宗像市</t>
  </si>
  <si>
    <t>402206</t>
  </si>
  <si>
    <t>福岡県太宰府市</t>
  </si>
  <si>
    <t>402214</t>
  </si>
  <si>
    <t>福岡県古賀市</t>
  </si>
  <si>
    <t>402231</t>
  </si>
  <si>
    <t>福岡県福津市</t>
  </si>
  <si>
    <t>402249</t>
  </si>
  <si>
    <t>福岡県うきは市</t>
  </si>
  <si>
    <t>402257</t>
  </si>
  <si>
    <t>福岡県宮若市</t>
  </si>
  <si>
    <t>402265</t>
  </si>
  <si>
    <t>福岡県嘉麻市</t>
  </si>
  <si>
    <t>402273</t>
  </si>
  <si>
    <t>福岡県朝倉市</t>
  </si>
  <si>
    <t>402281</t>
  </si>
  <si>
    <t>福岡県みやま市</t>
  </si>
  <si>
    <t>402290</t>
  </si>
  <si>
    <t>福岡県糸島市</t>
  </si>
  <si>
    <t>402303</t>
  </si>
  <si>
    <t>福岡県那珂川市</t>
  </si>
  <si>
    <t>402311</t>
  </si>
  <si>
    <t>福岡県宇美町</t>
  </si>
  <si>
    <t>403415</t>
  </si>
  <si>
    <t>福岡県篠栗町</t>
  </si>
  <si>
    <t>403423</t>
  </si>
  <si>
    <t>福岡県志免町</t>
  </si>
  <si>
    <t>403431</t>
  </si>
  <si>
    <t>福岡県須恵町</t>
  </si>
  <si>
    <t>403440</t>
  </si>
  <si>
    <t>福岡県新宮町</t>
  </si>
  <si>
    <t>403458</t>
  </si>
  <si>
    <t>福岡県久山町</t>
  </si>
  <si>
    <t>403482</t>
  </si>
  <si>
    <t>福岡県粕屋町</t>
  </si>
  <si>
    <t>403491</t>
  </si>
  <si>
    <t>福岡県芦屋町</t>
  </si>
  <si>
    <t>403814</t>
  </si>
  <si>
    <t>福岡県水巻町</t>
  </si>
  <si>
    <t>403822</t>
  </si>
  <si>
    <t>福岡県岡垣町</t>
  </si>
  <si>
    <t>403831</t>
  </si>
  <si>
    <t>福岡県遠賀町</t>
  </si>
  <si>
    <t>403849</t>
  </si>
  <si>
    <t>福岡県小竹町</t>
  </si>
  <si>
    <t>404012</t>
  </si>
  <si>
    <t>福岡県鞍手町</t>
  </si>
  <si>
    <t>404021</t>
  </si>
  <si>
    <t>福岡県桂川町</t>
  </si>
  <si>
    <t>404217</t>
  </si>
  <si>
    <t>福岡県筑前町</t>
  </si>
  <si>
    <t>404471</t>
  </si>
  <si>
    <t>福岡県東峰村</t>
  </si>
  <si>
    <t>404489</t>
  </si>
  <si>
    <t>福岡県大刀洗町</t>
  </si>
  <si>
    <t>405035</t>
  </si>
  <si>
    <t>福岡県大木町</t>
  </si>
  <si>
    <t>405221</t>
  </si>
  <si>
    <t>福岡県広川町</t>
  </si>
  <si>
    <t>405442</t>
  </si>
  <si>
    <t>福岡県香春町</t>
  </si>
  <si>
    <t>406015</t>
  </si>
  <si>
    <t>福岡県添田町</t>
  </si>
  <si>
    <t>406023</t>
  </si>
  <si>
    <t>福岡県糸田町</t>
  </si>
  <si>
    <t>406040</t>
  </si>
  <si>
    <t>福岡県川崎町</t>
  </si>
  <si>
    <t>406058</t>
  </si>
  <si>
    <t>福岡県大任町</t>
  </si>
  <si>
    <t>406082</t>
  </si>
  <si>
    <t>福岡県赤村</t>
  </si>
  <si>
    <t>406091</t>
  </si>
  <si>
    <t>福岡県福智町</t>
  </si>
  <si>
    <t>406104</t>
  </si>
  <si>
    <t>福岡県苅田町</t>
  </si>
  <si>
    <t>406210</t>
  </si>
  <si>
    <t>福岡県みやこ町</t>
  </si>
  <si>
    <t>406252</t>
  </si>
  <si>
    <t>福岡県吉富町</t>
  </si>
  <si>
    <t>406422</t>
  </si>
  <si>
    <t>福岡県上毛町</t>
  </si>
  <si>
    <t>406465</t>
  </si>
  <si>
    <t>福岡県築上町</t>
  </si>
  <si>
    <t>406473</t>
  </si>
  <si>
    <t>佐賀県佐賀市</t>
  </si>
  <si>
    <t>412015</t>
  </si>
  <si>
    <t>佐賀県唐津市</t>
  </si>
  <si>
    <t>412023</t>
  </si>
  <si>
    <t>佐賀県鳥栖市</t>
  </si>
  <si>
    <t>412031</t>
  </si>
  <si>
    <t>佐賀県多久市</t>
  </si>
  <si>
    <t>412040</t>
  </si>
  <si>
    <t>佐賀県伊万里市</t>
  </si>
  <si>
    <t>412058</t>
  </si>
  <si>
    <t>佐賀県武雄市</t>
  </si>
  <si>
    <t>412066</t>
  </si>
  <si>
    <t>佐賀県鹿島市</t>
  </si>
  <si>
    <t>412074</t>
  </si>
  <si>
    <t>佐賀県小城市</t>
  </si>
  <si>
    <t>412082</t>
  </si>
  <si>
    <t>佐賀県嬉野市</t>
  </si>
  <si>
    <t>412091</t>
  </si>
  <si>
    <t>佐賀県神埼市</t>
  </si>
  <si>
    <t>412104</t>
  </si>
  <si>
    <t>佐賀県吉野ヶ里町</t>
  </si>
  <si>
    <t>413275</t>
  </si>
  <si>
    <t>佐賀県基山町</t>
  </si>
  <si>
    <t>413411</t>
  </si>
  <si>
    <t>佐賀県上峰町</t>
  </si>
  <si>
    <t>413453</t>
  </si>
  <si>
    <t>佐賀県みやき町</t>
  </si>
  <si>
    <t>413461</t>
  </si>
  <si>
    <t>佐賀県玄海町</t>
  </si>
  <si>
    <t>413879</t>
  </si>
  <si>
    <t>佐賀県有田町</t>
  </si>
  <si>
    <t>414018</t>
  </si>
  <si>
    <t>佐賀県大町町</t>
  </si>
  <si>
    <t>414239</t>
  </si>
  <si>
    <t>佐賀県江北町</t>
  </si>
  <si>
    <t>414247</t>
  </si>
  <si>
    <t>佐賀県白石町</t>
  </si>
  <si>
    <t>414255</t>
  </si>
  <si>
    <t>佐賀県太良町</t>
  </si>
  <si>
    <t>414417</t>
  </si>
  <si>
    <t>長崎県長崎市</t>
  </si>
  <si>
    <t>422011</t>
  </si>
  <si>
    <t>長崎県佐世保市</t>
  </si>
  <si>
    <t>422029</t>
  </si>
  <si>
    <t>長崎県島原市</t>
  </si>
  <si>
    <t>422037</t>
  </si>
  <si>
    <t>長崎県諫早市</t>
  </si>
  <si>
    <t>422045</t>
  </si>
  <si>
    <t>長崎県大村市</t>
  </si>
  <si>
    <t>422053</t>
  </si>
  <si>
    <t>長崎県平戸市</t>
  </si>
  <si>
    <t>422070</t>
  </si>
  <si>
    <t>長崎県松浦市</t>
  </si>
  <si>
    <t>422088</t>
  </si>
  <si>
    <t>長崎県対馬市</t>
  </si>
  <si>
    <t>422096</t>
  </si>
  <si>
    <t>長崎県壱岐市</t>
  </si>
  <si>
    <t>422100</t>
  </si>
  <si>
    <t>長崎県五島市</t>
  </si>
  <si>
    <t>422118</t>
  </si>
  <si>
    <t>長崎県西海市</t>
  </si>
  <si>
    <t>422126</t>
  </si>
  <si>
    <t>長崎県雲仙市</t>
  </si>
  <si>
    <t>422134</t>
  </si>
  <si>
    <t>長崎県南島原市</t>
  </si>
  <si>
    <t>422142</t>
  </si>
  <si>
    <t>長崎県長与町</t>
  </si>
  <si>
    <t>423076</t>
  </si>
  <si>
    <t>長崎県時津町</t>
  </si>
  <si>
    <t>423084</t>
  </si>
  <si>
    <t>長崎県東彼杵町</t>
  </si>
  <si>
    <t>423211</t>
  </si>
  <si>
    <t>長崎県川棚町</t>
  </si>
  <si>
    <t>423220</t>
  </si>
  <si>
    <t>長崎県波佐見町</t>
  </si>
  <si>
    <t>423238</t>
  </si>
  <si>
    <t>長崎県小値賀町</t>
  </si>
  <si>
    <t>423831</t>
  </si>
  <si>
    <t>長崎県佐々町</t>
  </si>
  <si>
    <t>423912</t>
  </si>
  <si>
    <t>長崎県新上五島町</t>
  </si>
  <si>
    <t>424111</t>
  </si>
  <si>
    <t>熊本県熊本市</t>
  </si>
  <si>
    <t>431001</t>
  </si>
  <si>
    <t>熊本県八代市</t>
  </si>
  <si>
    <t>432024</t>
  </si>
  <si>
    <t>熊本県人吉市</t>
  </si>
  <si>
    <t>432032</t>
  </si>
  <si>
    <t>熊本県荒尾市</t>
  </si>
  <si>
    <t>432041</t>
  </si>
  <si>
    <t>熊本県水俣市</t>
  </si>
  <si>
    <t>432059</t>
  </si>
  <si>
    <t>熊本県玉名市</t>
  </si>
  <si>
    <t>432067</t>
  </si>
  <si>
    <t>熊本県山鹿市</t>
  </si>
  <si>
    <t>432083</t>
  </si>
  <si>
    <t>熊本県菊池市</t>
  </si>
  <si>
    <t>432105</t>
  </si>
  <si>
    <t>熊本県宇土市</t>
  </si>
  <si>
    <t>432113</t>
  </si>
  <si>
    <t>熊本県上天草市</t>
  </si>
  <si>
    <t>432121</t>
  </si>
  <si>
    <t>熊本県宇城市</t>
  </si>
  <si>
    <t>432130</t>
  </si>
  <si>
    <t>熊本県阿蘇市</t>
  </si>
  <si>
    <t>432148</t>
  </si>
  <si>
    <t>熊本県天草市</t>
  </si>
  <si>
    <t>432156</t>
  </si>
  <si>
    <t>熊本県合志市</t>
  </si>
  <si>
    <t>432164</t>
  </si>
  <si>
    <t>熊本県美里町</t>
  </si>
  <si>
    <t>433489</t>
  </si>
  <si>
    <t>熊本県玉東町</t>
  </si>
  <si>
    <t>433641</t>
  </si>
  <si>
    <t>熊本県南関町</t>
  </si>
  <si>
    <t>433675</t>
  </si>
  <si>
    <t>熊本県長洲町</t>
  </si>
  <si>
    <t>433683</t>
  </si>
  <si>
    <t>熊本県和水町</t>
  </si>
  <si>
    <t>433691</t>
  </si>
  <si>
    <t>熊本県大津町</t>
  </si>
  <si>
    <t>434035</t>
  </si>
  <si>
    <t>熊本県菊陽町</t>
  </si>
  <si>
    <t>434043</t>
  </si>
  <si>
    <t>熊本県南小国町</t>
  </si>
  <si>
    <t>434230</t>
  </si>
  <si>
    <t>熊本県小国町</t>
  </si>
  <si>
    <t>434248</t>
  </si>
  <si>
    <t>熊本県産山村</t>
  </si>
  <si>
    <t>434256</t>
  </si>
  <si>
    <t>熊本県高森町</t>
  </si>
  <si>
    <t>434281</t>
  </si>
  <si>
    <t>熊本県西原村</t>
  </si>
  <si>
    <t>434329</t>
  </si>
  <si>
    <t>熊本県南阿蘇村</t>
  </si>
  <si>
    <t>434337</t>
  </si>
  <si>
    <t>熊本県御船町</t>
  </si>
  <si>
    <t>434418</t>
  </si>
  <si>
    <t>熊本県嘉島町</t>
  </si>
  <si>
    <t>434426</t>
  </si>
  <si>
    <t>熊本県益城町</t>
  </si>
  <si>
    <t>434434</t>
  </si>
  <si>
    <t>熊本県甲佐町</t>
  </si>
  <si>
    <t>434442</t>
  </si>
  <si>
    <t>熊本県山都町</t>
  </si>
  <si>
    <t>434477</t>
  </si>
  <si>
    <t>熊本県氷川町</t>
  </si>
  <si>
    <t>434680</t>
  </si>
  <si>
    <t>熊本県芦北町</t>
  </si>
  <si>
    <t>434825</t>
  </si>
  <si>
    <t>熊本県津奈木町</t>
  </si>
  <si>
    <t>434841</t>
  </si>
  <si>
    <t>熊本県錦町</t>
  </si>
  <si>
    <t>435015</t>
  </si>
  <si>
    <t>熊本県多良木町</t>
  </si>
  <si>
    <t>435058</t>
  </si>
  <si>
    <t>熊本県湯前町</t>
  </si>
  <si>
    <t>435066</t>
  </si>
  <si>
    <t>熊本県水上村</t>
  </si>
  <si>
    <t>435074</t>
  </si>
  <si>
    <t>熊本県相良村</t>
  </si>
  <si>
    <t>435104</t>
  </si>
  <si>
    <t>熊本県五木村</t>
  </si>
  <si>
    <t>435112</t>
  </si>
  <si>
    <t>熊本県山江村</t>
  </si>
  <si>
    <t>435121</t>
  </si>
  <si>
    <t>熊本県球磨村</t>
  </si>
  <si>
    <t>435139</t>
  </si>
  <si>
    <t>熊本県あさぎり町</t>
  </si>
  <si>
    <t>435147</t>
  </si>
  <si>
    <t>熊本県苓北町</t>
  </si>
  <si>
    <t>435317</t>
  </si>
  <si>
    <t>大分県大分市</t>
  </si>
  <si>
    <t>442011</t>
  </si>
  <si>
    <t>大分県別府市</t>
  </si>
  <si>
    <t>442020</t>
  </si>
  <si>
    <t>大分県中津市</t>
  </si>
  <si>
    <t>442038</t>
  </si>
  <si>
    <t>大分県日田市</t>
  </si>
  <si>
    <t>442046</t>
  </si>
  <si>
    <t>大分県佐伯市</t>
  </si>
  <si>
    <t>442054</t>
  </si>
  <si>
    <t>大分県臼杵市</t>
  </si>
  <si>
    <t>442062</t>
  </si>
  <si>
    <t>大分県津久見市</t>
  </si>
  <si>
    <t>442071</t>
  </si>
  <si>
    <t>大分県竹田市</t>
  </si>
  <si>
    <t>442089</t>
  </si>
  <si>
    <t>大分県豊後高田市</t>
  </si>
  <si>
    <t>442097</t>
  </si>
  <si>
    <t>大分県杵築市</t>
  </si>
  <si>
    <t>442101</t>
  </si>
  <si>
    <t>大分県宇佐市</t>
  </si>
  <si>
    <t>442119</t>
  </si>
  <si>
    <t>大分県豊後大野市</t>
  </si>
  <si>
    <t>442127</t>
  </si>
  <si>
    <t>大分県由布市</t>
  </si>
  <si>
    <t>442135</t>
  </si>
  <si>
    <t>大分県国東市</t>
  </si>
  <si>
    <t>442143</t>
  </si>
  <si>
    <t>大分県姫島村</t>
  </si>
  <si>
    <t>443221</t>
  </si>
  <si>
    <t>大分県日出町</t>
  </si>
  <si>
    <t>443417</t>
  </si>
  <si>
    <t>大分県九重町</t>
  </si>
  <si>
    <t>444618</t>
  </si>
  <si>
    <t>大分県玖珠町</t>
  </si>
  <si>
    <t>444626</t>
  </si>
  <si>
    <t>宮崎県宮崎市</t>
  </si>
  <si>
    <t>452017</t>
  </si>
  <si>
    <t>宮崎県都城市</t>
  </si>
  <si>
    <t>452025</t>
  </si>
  <si>
    <t>宮崎県延岡市</t>
  </si>
  <si>
    <t>452033</t>
  </si>
  <si>
    <t>宮崎県日南市</t>
  </si>
  <si>
    <t>452041</t>
  </si>
  <si>
    <t>宮崎県小林市</t>
  </si>
  <si>
    <t>452050</t>
  </si>
  <si>
    <t>宮崎県日向市</t>
  </si>
  <si>
    <t>452068</t>
  </si>
  <si>
    <t>宮崎県串間市</t>
  </si>
  <si>
    <t>452076</t>
  </si>
  <si>
    <t>宮崎県西都市</t>
  </si>
  <si>
    <t>452084</t>
  </si>
  <si>
    <t>宮崎県えびの市</t>
  </si>
  <si>
    <t>452092</t>
  </si>
  <si>
    <t>宮崎県三股町</t>
  </si>
  <si>
    <t>453412</t>
  </si>
  <si>
    <t>宮崎県高原町</t>
  </si>
  <si>
    <t>453617</t>
  </si>
  <si>
    <t>宮崎県国富町</t>
  </si>
  <si>
    <t>453820</t>
  </si>
  <si>
    <t>宮崎県綾町</t>
  </si>
  <si>
    <t>453838</t>
  </si>
  <si>
    <t>宮崎県高鍋町</t>
  </si>
  <si>
    <t>454010</t>
  </si>
  <si>
    <t>宮崎県新富町</t>
  </si>
  <si>
    <t>454028</t>
  </si>
  <si>
    <t>宮崎県西米良村</t>
  </si>
  <si>
    <t>454036</t>
  </si>
  <si>
    <t>宮崎県木城町</t>
  </si>
  <si>
    <t>454044</t>
  </si>
  <si>
    <t>宮崎県川南町</t>
  </si>
  <si>
    <t>454052</t>
  </si>
  <si>
    <t>宮崎県都農町</t>
  </si>
  <si>
    <t>454061</t>
  </si>
  <si>
    <t>宮崎県門川町</t>
  </si>
  <si>
    <t>454214</t>
  </si>
  <si>
    <t>宮崎県諸塚村</t>
  </si>
  <si>
    <t>454290</t>
  </si>
  <si>
    <t>宮崎県椎葉村</t>
  </si>
  <si>
    <t>454303</t>
  </si>
  <si>
    <t>宮崎県美郷町</t>
  </si>
  <si>
    <t>454311</t>
  </si>
  <si>
    <t>宮崎県高千穂町</t>
  </si>
  <si>
    <t>454419</t>
  </si>
  <si>
    <t>宮崎県日之影町</t>
  </si>
  <si>
    <t>454427</t>
  </si>
  <si>
    <t>宮崎県五ヶ瀬町</t>
  </si>
  <si>
    <t>454435</t>
  </si>
  <si>
    <t>鹿児島県鹿児島市</t>
  </si>
  <si>
    <t>462012</t>
  </si>
  <si>
    <t>鹿児島県鹿屋市</t>
  </si>
  <si>
    <t>462039</t>
  </si>
  <si>
    <t>鹿児島県枕崎市</t>
  </si>
  <si>
    <t>462047</t>
  </si>
  <si>
    <t>鹿児島県阿久根市</t>
  </si>
  <si>
    <t>462063</t>
  </si>
  <si>
    <t>鹿児島県出水市</t>
  </si>
  <si>
    <t>462080</t>
  </si>
  <si>
    <t>鹿児島県指宿市</t>
  </si>
  <si>
    <t>462101</t>
  </si>
  <si>
    <t>鹿児島県西之表市</t>
  </si>
  <si>
    <t>462136</t>
  </si>
  <si>
    <t>鹿児島県垂水市</t>
  </si>
  <si>
    <t>462144</t>
  </si>
  <si>
    <t>鹿児島県薩摩川内市</t>
  </si>
  <si>
    <t>462152</t>
  </si>
  <si>
    <t>鹿児島県日置市</t>
  </si>
  <si>
    <t>462161</t>
  </si>
  <si>
    <t>鹿児島県曽於市</t>
  </si>
  <si>
    <t>462179</t>
  </si>
  <si>
    <t>鹿児島県霧島市</t>
  </si>
  <si>
    <t>462187</t>
  </si>
  <si>
    <t>鹿児島県いちき串木野市</t>
  </si>
  <si>
    <t>462195</t>
  </si>
  <si>
    <t>鹿児島県南さつま市</t>
  </si>
  <si>
    <t>462209</t>
  </si>
  <si>
    <t>鹿児島県志布志市</t>
  </si>
  <si>
    <t>462217</t>
  </si>
  <si>
    <t>鹿児島県奄美市</t>
  </si>
  <si>
    <t>462225</t>
  </si>
  <si>
    <t>鹿児島県南九州市</t>
  </si>
  <si>
    <t>462233</t>
  </si>
  <si>
    <t>鹿児島県伊佐市</t>
  </si>
  <si>
    <t>462241</t>
  </si>
  <si>
    <t>鹿児島県姶良市</t>
  </si>
  <si>
    <t>462250</t>
  </si>
  <si>
    <t>鹿児島県三島村</t>
  </si>
  <si>
    <t>463035</t>
  </si>
  <si>
    <t>鹿児島県十島村</t>
  </si>
  <si>
    <t>463043</t>
  </si>
  <si>
    <t>鹿児島県さつま町</t>
  </si>
  <si>
    <t>463922</t>
  </si>
  <si>
    <t>鹿児島県長島町</t>
  </si>
  <si>
    <t>464040</t>
  </si>
  <si>
    <t>鹿児島県湧水町</t>
  </si>
  <si>
    <t>464520</t>
  </si>
  <si>
    <t>鹿児島県大崎町</t>
  </si>
  <si>
    <t>464686</t>
  </si>
  <si>
    <t>鹿児島県東串良町</t>
  </si>
  <si>
    <t>464821</t>
  </si>
  <si>
    <t>鹿児島県錦江町</t>
  </si>
  <si>
    <t>464902</t>
  </si>
  <si>
    <t>鹿児島県南大隅町</t>
  </si>
  <si>
    <t>464911</t>
  </si>
  <si>
    <t>鹿児島県肝付町</t>
  </si>
  <si>
    <t>464929</t>
  </si>
  <si>
    <t>鹿児島県中種子町</t>
  </si>
  <si>
    <t>465011</t>
  </si>
  <si>
    <t>鹿児島県南種子町</t>
  </si>
  <si>
    <t>465020</t>
  </si>
  <si>
    <t>鹿児島県屋久島町</t>
  </si>
  <si>
    <t>465054</t>
  </si>
  <si>
    <t>鹿児島県大和村</t>
  </si>
  <si>
    <t>465232</t>
  </si>
  <si>
    <t>鹿児島県宇検村</t>
  </si>
  <si>
    <t>465241</t>
  </si>
  <si>
    <t>鹿児島県瀬戸内町</t>
  </si>
  <si>
    <t>465259</t>
  </si>
  <si>
    <t>鹿児島県龍郷町</t>
  </si>
  <si>
    <t>465275</t>
  </si>
  <si>
    <t>鹿児島県喜界町</t>
  </si>
  <si>
    <t>465291</t>
  </si>
  <si>
    <t>鹿児島県徳之島町</t>
  </si>
  <si>
    <t>465305</t>
  </si>
  <si>
    <t>鹿児島県天城町</t>
  </si>
  <si>
    <t>465313</t>
  </si>
  <si>
    <t>鹿児島県伊仙町</t>
  </si>
  <si>
    <t>465321</t>
  </si>
  <si>
    <t>鹿児島県和泊町</t>
  </si>
  <si>
    <t>465330</t>
  </si>
  <si>
    <t>鹿児島県知名町</t>
  </si>
  <si>
    <t>465348</t>
  </si>
  <si>
    <t>鹿児島県与論町</t>
  </si>
  <si>
    <t>465356</t>
  </si>
  <si>
    <t>沖縄県那覇市</t>
  </si>
  <si>
    <t>472018</t>
  </si>
  <si>
    <t>沖縄県宜野湾市</t>
  </si>
  <si>
    <t>472051</t>
  </si>
  <si>
    <t>沖縄県石垣市</t>
  </si>
  <si>
    <t>472077</t>
  </si>
  <si>
    <t>沖縄県浦添市</t>
  </si>
  <si>
    <t>472085</t>
  </si>
  <si>
    <t>沖縄県名護市</t>
  </si>
  <si>
    <t>472093</t>
  </si>
  <si>
    <t>沖縄県糸満市</t>
  </si>
  <si>
    <t>472107</t>
  </si>
  <si>
    <t>沖縄県沖縄市</t>
  </si>
  <si>
    <t>472115</t>
  </si>
  <si>
    <t>沖縄県豊見城市</t>
  </si>
  <si>
    <t>472123</t>
  </si>
  <si>
    <t>沖縄県うるま市</t>
  </si>
  <si>
    <t>472131</t>
  </si>
  <si>
    <t>沖縄県宮古島市</t>
  </si>
  <si>
    <t>472140</t>
  </si>
  <si>
    <t>沖縄県南城市</t>
  </si>
  <si>
    <t>472158</t>
  </si>
  <si>
    <t>沖縄県国頭村</t>
  </si>
  <si>
    <t>473014</t>
  </si>
  <si>
    <t>沖縄県大宜味村</t>
  </si>
  <si>
    <t>473022</t>
  </si>
  <si>
    <t>沖縄県東村</t>
  </si>
  <si>
    <t>473031</t>
  </si>
  <si>
    <t>沖縄県今帰仁村</t>
  </si>
  <si>
    <t>473065</t>
  </si>
  <si>
    <t>沖縄県本部町</t>
  </si>
  <si>
    <t>473081</t>
  </si>
  <si>
    <t>沖縄県恩納村</t>
  </si>
  <si>
    <t>473111</t>
  </si>
  <si>
    <t>沖縄県宜野座村</t>
  </si>
  <si>
    <t>473138</t>
  </si>
  <si>
    <t>沖縄県金武町</t>
  </si>
  <si>
    <t>473146</t>
  </si>
  <si>
    <t>沖縄県伊江村</t>
  </si>
  <si>
    <t>473154</t>
  </si>
  <si>
    <t>沖縄県読谷村</t>
  </si>
  <si>
    <t>473243</t>
  </si>
  <si>
    <t>沖縄県嘉手納町</t>
  </si>
  <si>
    <t>473251</t>
  </si>
  <si>
    <t>沖縄県北谷町</t>
  </si>
  <si>
    <t>473260</t>
  </si>
  <si>
    <t>沖縄県北中城村</t>
  </si>
  <si>
    <t>473278</t>
  </si>
  <si>
    <t>沖縄県中城村</t>
  </si>
  <si>
    <t>473286</t>
  </si>
  <si>
    <t>沖縄県西原町</t>
  </si>
  <si>
    <t>473294</t>
  </si>
  <si>
    <t>沖縄県与那原町</t>
  </si>
  <si>
    <t>473481</t>
  </si>
  <si>
    <t>沖縄県南風原町</t>
  </si>
  <si>
    <t>473502</t>
  </si>
  <si>
    <t>沖縄県渡嘉敷村</t>
  </si>
  <si>
    <t>473537</t>
  </si>
  <si>
    <t>沖縄県座間味村</t>
  </si>
  <si>
    <t>473545</t>
  </si>
  <si>
    <t>沖縄県粟国村</t>
  </si>
  <si>
    <t>473553</t>
  </si>
  <si>
    <t>沖縄県渡名喜村</t>
  </si>
  <si>
    <t>473561</t>
  </si>
  <si>
    <t>沖縄県南大東村</t>
  </si>
  <si>
    <t>473570</t>
  </si>
  <si>
    <t>沖縄県北大東村</t>
  </si>
  <si>
    <t>473588</t>
  </si>
  <si>
    <t>沖縄県伊平屋村</t>
  </si>
  <si>
    <t>473596</t>
  </si>
  <si>
    <t>沖縄県伊是名村</t>
  </si>
  <si>
    <t>473600</t>
  </si>
  <si>
    <t>沖縄県久米島町</t>
  </si>
  <si>
    <t>473618</t>
  </si>
  <si>
    <t>沖縄県八重瀬町</t>
  </si>
  <si>
    <t>473626</t>
  </si>
  <si>
    <t>沖縄県多良間村</t>
  </si>
  <si>
    <t>473758</t>
  </si>
  <si>
    <t>沖縄県竹富町</t>
  </si>
  <si>
    <t>473812</t>
  </si>
  <si>
    <t>沖縄県与那国町</t>
  </si>
  <si>
    <t>473821</t>
  </si>
  <si>
    <t>男性</t>
  </si>
  <si>
    <t>女性</t>
  </si>
  <si>
    <t>1回目</t>
  </si>
  <si>
    <t>ファイザー</t>
  </si>
  <si>
    <t>2回目</t>
  </si>
  <si>
    <t>アストラゼネカ</t>
  </si>
  <si>
    <t>01_Male</t>
  </si>
  <si>
    <t>02_Female</t>
  </si>
  <si>
    <t>03_Other</t>
  </si>
  <si>
    <t>その他</t>
    <phoneticPr fontId="2"/>
  </si>
  <si>
    <t>01_First</t>
  </si>
  <si>
    <t>02_Second</t>
  </si>
  <si>
    <t>3回目</t>
  </si>
  <si>
    <t>03_Third</t>
  </si>
  <si>
    <t>モデルナ</t>
  </si>
  <si>
    <t>01_Pfizer</t>
    <phoneticPr fontId="2"/>
  </si>
  <si>
    <t>02_Astrazeneca</t>
    <phoneticPr fontId="2"/>
  </si>
  <si>
    <t>03_Moderna</t>
    <phoneticPr fontId="2"/>
  </si>
  <si>
    <t>番号</t>
    <rPh sb="0" eb="2">
      <t>バンゴウ</t>
    </rPh>
    <phoneticPr fontId="2"/>
  </si>
  <si>
    <t>予防接種済証をもらい、保管しているか</t>
    <phoneticPr fontId="2"/>
  </si>
  <si>
    <t>接種券の
有・無</t>
    <rPh sb="0" eb="2">
      <t>セッシュ</t>
    </rPh>
    <rPh sb="2" eb="3">
      <t>ケン</t>
    </rPh>
    <rPh sb="5" eb="6">
      <t>ユウ</t>
    </rPh>
    <rPh sb="7" eb="8">
      <t>ム</t>
    </rPh>
    <phoneticPr fontId="2"/>
  </si>
  <si>
    <t>1回目の
接種日</t>
    <rPh sb="1" eb="3">
      <t>カイメ</t>
    </rPh>
    <rPh sb="5" eb="7">
      <t>セッシュ</t>
    </rPh>
    <rPh sb="7" eb="8">
      <t>ヒ</t>
    </rPh>
    <phoneticPr fontId="2"/>
  </si>
  <si>
    <t>2回目の
接種日</t>
    <rPh sb="1" eb="3">
      <t>カイメ</t>
    </rPh>
    <rPh sb="5" eb="7">
      <t>セッシュ</t>
    </rPh>
    <rPh sb="7" eb="8">
      <t>ヒ</t>
    </rPh>
    <phoneticPr fontId="2"/>
  </si>
  <si>
    <t>接種前
体調</t>
    <rPh sb="0" eb="2">
      <t>セッシュ</t>
    </rPh>
    <rPh sb="2" eb="3">
      <t>マエ</t>
    </rPh>
    <rPh sb="4" eb="6">
      <t>タイチョウ</t>
    </rPh>
    <phoneticPr fontId="2"/>
  </si>
  <si>
    <t>接種後の
体調変化</t>
    <rPh sb="0" eb="2">
      <t>セッシュ</t>
    </rPh>
    <rPh sb="2" eb="3">
      <t>ゴ</t>
    </rPh>
    <phoneticPr fontId="2"/>
  </si>
  <si>
    <t>記入済み予診票の有・無</t>
    <rPh sb="0" eb="2">
      <t>キニュウ</t>
    </rPh>
    <rPh sb="2" eb="3">
      <t>ズ</t>
    </rPh>
    <rPh sb="8" eb="9">
      <t>ユウ</t>
    </rPh>
    <rPh sb="10" eb="11">
      <t>ム</t>
    </rPh>
    <phoneticPr fontId="2"/>
  </si>
  <si>
    <t>1回目・接種前後の確認項目</t>
    <rPh sb="1" eb="3">
      <t>カイメ</t>
    </rPh>
    <rPh sb="4" eb="6">
      <t>セッシュ</t>
    </rPh>
    <rPh sb="6" eb="7">
      <t>マエ</t>
    </rPh>
    <rPh sb="7" eb="8">
      <t>アト</t>
    </rPh>
    <rPh sb="9" eb="11">
      <t>カクニン</t>
    </rPh>
    <rPh sb="11" eb="13">
      <t>コウモク</t>
    </rPh>
    <phoneticPr fontId="2"/>
  </si>
  <si>
    <t>2回目・接種前後の確認項目</t>
    <rPh sb="1" eb="3">
      <t>カイメ</t>
    </rPh>
    <rPh sb="4" eb="6">
      <t>セッシュ</t>
    </rPh>
    <rPh sb="6" eb="7">
      <t>マエ</t>
    </rPh>
    <rPh sb="7" eb="8">
      <t>アト</t>
    </rPh>
    <rPh sb="9" eb="11">
      <t>カクニン</t>
    </rPh>
    <rPh sb="11" eb="13">
      <t>コウモク</t>
    </rPh>
    <phoneticPr fontId="2"/>
  </si>
  <si>
    <t>○</t>
    <phoneticPr fontId="2"/>
  </si>
  <si>
    <t>確認済み</t>
    <rPh sb="0" eb="2">
      <t>カクニン</t>
    </rPh>
    <rPh sb="2" eb="3">
      <t>ズ</t>
    </rPh>
    <phoneticPr fontId="2"/>
  </si>
  <si>
    <t>有</t>
    <rPh sb="0" eb="1">
      <t>ア</t>
    </rPh>
    <phoneticPr fontId="2"/>
  </si>
  <si>
    <t>無</t>
    <rPh sb="0" eb="1">
      <t>ナ</t>
    </rPh>
    <phoneticPr fontId="2"/>
  </si>
  <si>
    <t>備考</t>
    <rPh sb="0" eb="2">
      <t>ビコウ</t>
    </rPh>
    <phoneticPr fontId="2"/>
  </si>
  <si>
    <t>○</t>
  </si>
  <si>
    <t>×</t>
  </si>
  <si>
    <t>×</t>
    <phoneticPr fontId="2"/>
  </si>
  <si>
    <t>A 配置医師（施設がサテライト型接種施設に該当する場合）</t>
    <rPh sb="2" eb="4">
      <t>ハイチ</t>
    </rPh>
    <rPh sb="4" eb="6">
      <t>イシ</t>
    </rPh>
    <rPh sb="7" eb="9">
      <t>シセツ</t>
    </rPh>
    <rPh sb="15" eb="16">
      <t>ガタ</t>
    </rPh>
    <rPh sb="16" eb="18">
      <t>セッシュ</t>
    </rPh>
    <rPh sb="18" eb="20">
      <t>シセツ</t>
    </rPh>
    <rPh sb="21" eb="23">
      <t>ガイトウ</t>
    </rPh>
    <rPh sb="25" eb="27">
      <t>バアイ</t>
    </rPh>
    <phoneticPr fontId="2"/>
  </si>
  <si>
    <t>B 配置医師（配置医師がサテライト型接種施設に所属している場合）</t>
    <rPh sb="2" eb="4">
      <t>ハイチ</t>
    </rPh>
    <rPh sb="4" eb="6">
      <t>イシ</t>
    </rPh>
    <rPh sb="7" eb="9">
      <t>ハイチ</t>
    </rPh>
    <rPh sb="9" eb="11">
      <t>イシ</t>
    </rPh>
    <rPh sb="17" eb="18">
      <t>ガタ</t>
    </rPh>
    <rPh sb="18" eb="20">
      <t>セッシュ</t>
    </rPh>
    <rPh sb="20" eb="22">
      <t>シセツ</t>
    </rPh>
    <rPh sb="23" eb="25">
      <t>ショゾク</t>
    </rPh>
    <rPh sb="29" eb="31">
      <t>バアイ</t>
    </rPh>
    <phoneticPr fontId="2"/>
  </si>
  <si>
    <t>C サテライト型接種施設等からの巡回接種医師</t>
    <rPh sb="7" eb="8">
      <t>ガタ</t>
    </rPh>
    <rPh sb="8" eb="10">
      <t>セッシュ</t>
    </rPh>
    <rPh sb="10" eb="12">
      <t>シセツ</t>
    </rPh>
    <rPh sb="12" eb="13">
      <t>ナド</t>
    </rPh>
    <rPh sb="16" eb="18">
      <t>ジュンカイ</t>
    </rPh>
    <rPh sb="18" eb="20">
      <t>セッシュ</t>
    </rPh>
    <rPh sb="20" eb="22">
      <t>イシ</t>
    </rPh>
    <phoneticPr fontId="2"/>
  </si>
  <si>
    <t>E 【施設外接種の場合】本人のかかりつけ医</t>
    <rPh sb="3" eb="6">
      <t>シセツガイ</t>
    </rPh>
    <rPh sb="6" eb="8">
      <t>セッシュ</t>
    </rPh>
    <rPh sb="9" eb="11">
      <t>バアイ</t>
    </rPh>
    <rPh sb="12" eb="14">
      <t>ホンニン</t>
    </rPh>
    <rPh sb="20" eb="21">
      <t>イ</t>
    </rPh>
    <phoneticPr fontId="2"/>
  </si>
  <si>
    <t>F 【施設外接種の場合】大阪市が設置する接種会場の接種医</t>
    <rPh sb="12" eb="15">
      <t>オオサカシ</t>
    </rPh>
    <rPh sb="16" eb="18">
      <t>セッチ</t>
    </rPh>
    <rPh sb="20" eb="22">
      <t>セッシュ</t>
    </rPh>
    <rPh sb="22" eb="24">
      <t>カイジョウ</t>
    </rPh>
    <rPh sb="25" eb="27">
      <t>セッシュ</t>
    </rPh>
    <rPh sb="27" eb="28">
      <t>イ</t>
    </rPh>
    <phoneticPr fontId="2"/>
  </si>
  <si>
    <t>G【施設外接種の場合】協力医療機関の医師</t>
    <rPh sb="11" eb="13">
      <t>キョウリョク</t>
    </rPh>
    <rPh sb="13" eb="15">
      <t>イリョウ</t>
    </rPh>
    <rPh sb="15" eb="17">
      <t>キカン</t>
    </rPh>
    <rPh sb="18" eb="20">
      <t>イシ</t>
    </rPh>
    <phoneticPr fontId="2"/>
  </si>
  <si>
    <t xml:space="preserve"> </t>
    <phoneticPr fontId="2"/>
  </si>
  <si>
    <t>生年月日</t>
    <rPh sb="0" eb="4">
      <t>セイネンガッピ</t>
    </rPh>
    <phoneticPr fontId="2"/>
  </si>
  <si>
    <t>D 接種医との調整を希望</t>
    <rPh sb="2" eb="4">
      <t>セッシュ</t>
    </rPh>
    <rPh sb="4" eb="5">
      <t>イ</t>
    </rPh>
    <rPh sb="7" eb="9">
      <t>チョウセイ</t>
    </rPh>
    <rPh sb="10" eb="12">
      <t>キボウ</t>
    </rPh>
    <phoneticPr fontId="2"/>
  </si>
  <si>
    <t>氏名
（カナ）</t>
    <rPh sb="0" eb="2">
      <t>シメイ</t>
    </rPh>
    <phoneticPr fontId="2"/>
  </si>
  <si>
    <t>予定あり</t>
    <rPh sb="0" eb="2">
      <t>ヨテイ</t>
    </rPh>
    <phoneticPr fontId="2"/>
  </si>
  <si>
    <t>予定なし</t>
    <rPh sb="0" eb="2">
      <t>ヨテイ</t>
    </rPh>
    <phoneticPr fontId="2"/>
  </si>
  <si>
    <t>対象者数</t>
    <rPh sb="0" eb="3">
      <t>タイショウシャ</t>
    </rPh>
    <rPh sb="3" eb="4">
      <t>スウ</t>
    </rPh>
    <phoneticPr fontId="2"/>
  </si>
  <si>
    <t>〇</t>
    <phoneticPr fontId="2"/>
  </si>
  <si>
    <t>×</t>
    <phoneticPr fontId="2"/>
  </si>
  <si>
    <t>接種の希望</t>
    <rPh sb="0" eb="2">
      <t>セッシュ</t>
    </rPh>
    <rPh sb="3" eb="5">
      <t>キボウ</t>
    </rPh>
    <phoneticPr fontId="2"/>
  </si>
  <si>
    <t>希望する</t>
    <rPh sb="0" eb="2">
      <t>キボウ</t>
    </rPh>
    <phoneticPr fontId="2"/>
  </si>
  <si>
    <t>希望しない</t>
    <rPh sb="0" eb="2">
      <t>キボウ</t>
    </rPh>
    <phoneticPr fontId="2"/>
  </si>
  <si>
    <t>接種場所</t>
    <rPh sb="0" eb="4">
      <t>セッシュバショ</t>
    </rPh>
    <phoneticPr fontId="2"/>
  </si>
  <si>
    <t>施設内</t>
    <rPh sb="0" eb="3">
      <t>シセツナイ</t>
    </rPh>
    <phoneticPr fontId="2"/>
  </si>
  <si>
    <t>施設外</t>
    <rPh sb="0" eb="3">
      <t>シセツガイ</t>
    </rPh>
    <phoneticPr fontId="2"/>
  </si>
  <si>
    <t>施設が住民票所在地</t>
    <rPh sb="0" eb="2">
      <t>シセツ</t>
    </rPh>
    <rPh sb="3" eb="6">
      <t>ジュウミンヒョウ</t>
    </rPh>
    <rPh sb="6" eb="9">
      <t>ショザイチ</t>
    </rPh>
    <phoneticPr fontId="2"/>
  </si>
  <si>
    <t>年齢</t>
    <rPh sb="0" eb="2">
      <t>ネンレイ</t>
    </rPh>
    <phoneticPr fontId="2"/>
  </si>
  <si>
    <t>氏名
（漢字）</t>
    <rPh sb="0" eb="2">
      <t>シメイ</t>
    </rPh>
    <rPh sb="4" eb="6">
      <t>カンジ</t>
    </rPh>
    <phoneticPr fontId="2"/>
  </si>
  <si>
    <t>接種
希望</t>
    <rPh sb="0" eb="2">
      <t>セッシュ</t>
    </rPh>
    <rPh sb="3" eb="5">
      <t>キボウ</t>
    </rPh>
    <phoneticPr fontId="2"/>
  </si>
  <si>
    <t>接種希望
の
確認方法</t>
    <rPh sb="0" eb="2">
      <t>セッシュ</t>
    </rPh>
    <rPh sb="2" eb="4">
      <t>キボウ</t>
    </rPh>
    <rPh sb="7" eb="9">
      <t>カクニン</t>
    </rPh>
    <rPh sb="9" eb="11">
      <t>ホウホウ</t>
    </rPh>
    <phoneticPr fontId="2"/>
  </si>
  <si>
    <t>接種順位</t>
    <rPh sb="0" eb="2">
      <t>セッシュ</t>
    </rPh>
    <rPh sb="2" eb="4">
      <t>ジュンイ</t>
    </rPh>
    <phoneticPr fontId="2"/>
  </si>
  <si>
    <t>希望しない</t>
  </si>
  <si>
    <t>高齢者</t>
  </si>
  <si>
    <t>基礎疾患</t>
  </si>
  <si>
    <t>接種券回収の可否</t>
    <rPh sb="0" eb="3">
      <t>セッシュケン</t>
    </rPh>
    <rPh sb="3" eb="5">
      <t>カイシュウ</t>
    </rPh>
    <rPh sb="6" eb="8">
      <t>カヒ</t>
    </rPh>
    <phoneticPr fontId="2"/>
  </si>
  <si>
    <r>
      <t xml:space="preserve">左記の接種実施
医療機関名
</t>
    </r>
    <r>
      <rPr>
        <b/>
        <sz val="12"/>
        <color rgb="FFFF0000"/>
        <rFont val="ＭＳ 明朝"/>
        <family val="1"/>
        <charset val="128"/>
      </rPr>
      <t>（任意）</t>
    </r>
    <rPh sb="0" eb="2">
      <t>サキ</t>
    </rPh>
    <rPh sb="3" eb="5">
      <t>セッシュ</t>
    </rPh>
    <rPh sb="5" eb="7">
      <t>ジッシ</t>
    </rPh>
    <rPh sb="8" eb="10">
      <t>イリョウ</t>
    </rPh>
    <rPh sb="10" eb="12">
      <t>キカン</t>
    </rPh>
    <rPh sb="12" eb="13">
      <t>メイ</t>
    </rPh>
    <rPh sb="15" eb="17">
      <t>ニンイ</t>
    </rPh>
    <phoneticPr fontId="2"/>
  </si>
  <si>
    <r>
      <t xml:space="preserve">左記の医療機関が所在する市区町村
</t>
    </r>
    <r>
      <rPr>
        <b/>
        <sz val="12"/>
        <color rgb="FFFF0000"/>
        <rFont val="ＭＳ 明朝"/>
        <family val="1"/>
        <charset val="128"/>
      </rPr>
      <t>（任意）</t>
    </r>
    <rPh sb="0" eb="2">
      <t>サキ</t>
    </rPh>
    <rPh sb="3" eb="7">
      <t>イリョウキカン</t>
    </rPh>
    <rPh sb="8" eb="10">
      <t>ショザイ</t>
    </rPh>
    <rPh sb="12" eb="14">
      <t>シク</t>
    </rPh>
    <rPh sb="14" eb="16">
      <t>チョウソン</t>
    </rPh>
    <phoneticPr fontId="2"/>
  </si>
  <si>
    <t>太郎</t>
    <rPh sb="0" eb="2">
      <t>タロウ</t>
    </rPh>
    <phoneticPr fontId="2"/>
  </si>
  <si>
    <t>タロウ</t>
    <phoneticPr fontId="2"/>
  </si>
  <si>
    <t>希望する</t>
  </si>
  <si>
    <t>本人</t>
  </si>
  <si>
    <t>家族</t>
  </si>
  <si>
    <t>かかりつけ医</t>
  </si>
  <si>
    <t>協力医療機関</t>
  </si>
  <si>
    <t>その他</t>
  </si>
  <si>
    <t>一般</t>
  </si>
  <si>
    <t>△△市</t>
    <rPh sb="2" eb="3">
      <t>シ</t>
    </rPh>
    <phoneticPr fontId="2"/>
  </si>
  <si>
    <t>接種方法等</t>
    <rPh sb="0" eb="2">
      <t>セッシュ</t>
    </rPh>
    <rPh sb="2" eb="4">
      <t>ホウホウ</t>
    </rPh>
    <rPh sb="4" eb="5">
      <t>トウ</t>
    </rPh>
    <phoneticPr fontId="2"/>
  </si>
  <si>
    <t>□□病院</t>
    <rPh sb="2" eb="4">
      <t>ビョウイン</t>
    </rPh>
    <phoneticPr fontId="2"/>
  </si>
  <si>
    <r>
      <t xml:space="preserve">左記の接種実施
医療機関名
</t>
    </r>
    <r>
      <rPr>
        <b/>
        <sz val="12"/>
        <color rgb="FFFF0000"/>
        <rFont val="ＭＳ ゴシック"/>
        <family val="3"/>
        <charset val="128"/>
      </rPr>
      <t>（任意）</t>
    </r>
    <rPh sb="0" eb="2">
      <t>サキ</t>
    </rPh>
    <rPh sb="3" eb="5">
      <t>セッシュ</t>
    </rPh>
    <rPh sb="5" eb="7">
      <t>ジッシ</t>
    </rPh>
    <rPh sb="8" eb="10">
      <t>イリョウ</t>
    </rPh>
    <rPh sb="10" eb="12">
      <t>キカン</t>
    </rPh>
    <rPh sb="12" eb="13">
      <t>メイ</t>
    </rPh>
    <rPh sb="15" eb="17">
      <t>ニンイ</t>
    </rPh>
    <phoneticPr fontId="2"/>
  </si>
  <si>
    <r>
      <t xml:space="preserve">左記の医療機関が所在する市区町村
</t>
    </r>
    <r>
      <rPr>
        <b/>
        <sz val="12"/>
        <color rgb="FFFF0000"/>
        <rFont val="ＭＳ ゴシック"/>
        <family val="3"/>
        <charset val="128"/>
      </rPr>
      <t>（任意）</t>
    </r>
    <rPh sb="0" eb="2">
      <t>サキ</t>
    </rPh>
    <rPh sb="3" eb="7">
      <t>イリョウキカン</t>
    </rPh>
    <rPh sb="8" eb="10">
      <t>ショザイ</t>
    </rPh>
    <rPh sb="12" eb="14">
      <t>シク</t>
    </rPh>
    <rPh sb="14" eb="16">
      <t>チョウソン</t>
    </rPh>
    <phoneticPr fontId="2"/>
  </si>
  <si>
    <t>住民票所在地
（市区町村）</t>
    <rPh sb="0" eb="3">
      <t>ジュウミンヒョウ</t>
    </rPh>
    <rPh sb="3" eb="6">
      <t>ショザイチ</t>
    </rPh>
    <rPh sb="8" eb="12">
      <t>シクチョウソン</t>
    </rPh>
    <phoneticPr fontId="2"/>
  </si>
  <si>
    <t>嘱託医</t>
  </si>
  <si>
    <t>かかりつけ医、協力医療機関等で接種</t>
  </si>
  <si>
    <t>接種医師を確保し巡回接種が可能</t>
  </si>
  <si>
    <t>嘱託医等による施設内接種が可能</t>
  </si>
  <si>
    <t>利用者／従事者</t>
    <rPh sb="0" eb="3">
      <t>リヨウシャ</t>
    </rPh>
    <rPh sb="4" eb="6">
      <t>ジュウジ</t>
    </rPh>
    <rPh sb="6" eb="7">
      <t>シャ</t>
    </rPh>
    <phoneticPr fontId="2"/>
  </si>
  <si>
    <t>利用者</t>
  </si>
  <si>
    <t>利用者／従事者</t>
    <phoneticPr fontId="2"/>
  </si>
  <si>
    <t>（別紙）障害者支援施設等の利用者等における接種確認リスト</t>
    <rPh sb="1" eb="3">
      <t>ベッシ</t>
    </rPh>
    <rPh sb="4" eb="6">
      <t>ショウガイ</t>
    </rPh>
    <rPh sb="16" eb="17">
      <t>ナド</t>
    </rPh>
    <phoneticPr fontId="2"/>
  </si>
  <si>
    <t>（別紙）障害者支援施設等の利用者における接種確認リスト</t>
    <rPh sb="1" eb="3">
      <t>ベッシ</t>
    </rPh>
    <rPh sb="4" eb="6">
      <t>ショウガイ</t>
    </rPh>
    <phoneticPr fontId="2"/>
  </si>
  <si>
    <t>名古屋</t>
    <rPh sb="0" eb="3">
      <t>ナゴヤ</t>
    </rPh>
    <phoneticPr fontId="2"/>
  </si>
  <si>
    <t>ナゴヤ</t>
    <phoneticPr fontId="2"/>
  </si>
  <si>
    <t>名古屋市が設置する接種会場で接種</t>
  </si>
  <si>
    <t>名古屋市による接種医の派遣調整を希望</t>
  </si>
  <si>
    <t>名古屋市北区</t>
    <rPh sb="0" eb="3">
      <t>ナゴヤ</t>
    </rPh>
    <rPh sb="3" eb="4">
      <t>シ</t>
    </rPh>
    <rPh sb="4" eb="6">
      <t>キタク</t>
    </rPh>
    <phoneticPr fontId="2"/>
  </si>
  <si>
    <t>令和３年４月３０日（金）までの確認項目</t>
    <rPh sb="0" eb="2">
      <t>レイワ</t>
    </rPh>
    <rPh sb="3" eb="4">
      <t>ネン</t>
    </rPh>
    <rPh sb="10" eb="11">
      <t>キン</t>
    </rPh>
    <phoneticPr fontId="2"/>
  </si>
  <si>
    <t>施設等が住民票所在地である</t>
    <rPh sb="0" eb="2">
      <t>シセツ</t>
    </rPh>
    <rPh sb="2" eb="3">
      <t>ナド</t>
    </rPh>
    <rPh sb="4" eb="7">
      <t>ジュウミンヒョウ</t>
    </rPh>
    <rPh sb="7" eb="10">
      <t>ショザイチ</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13" x14ac:knownFonts="1">
    <font>
      <sz val="11"/>
      <color theme="1"/>
      <name val="游ゴシック"/>
      <family val="2"/>
      <charset val="128"/>
      <scheme val="minor"/>
    </font>
    <font>
      <sz val="11"/>
      <color theme="1"/>
      <name val="游ゴシック"/>
      <family val="2"/>
      <charset val="128"/>
      <scheme val="minor"/>
    </font>
    <font>
      <sz val="6"/>
      <name val="游ゴシック"/>
      <family val="2"/>
      <charset val="128"/>
      <scheme val="minor"/>
    </font>
    <font>
      <sz val="12"/>
      <color theme="1"/>
      <name val="ＭＳ 明朝"/>
      <family val="1"/>
      <charset val="128"/>
    </font>
    <font>
      <sz val="12"/>
      <name val="ＭＳ 明朝"/>
      <family val="1"/>
      <charset val="128"/>
    </font>
    <font>
      <sz val="12"/>
      <color theme="0"/>
      <name val="ＭＳ 明朝"/>
      <family val="1"/>
      <charset val="128"/>
    </font>
    <font>
      <b/>
      <sz val="12"/>
      <color rgb="FFFF0000"/>
      <name val="ＭＳ 明朝"/>
      <family val="1"/>
      <charset val="128"/>
    </font>
    <font>
      <sz val="12"/>
      <color theme="1"/>
      <name val="ＭＳ ゴシック"/>
      <family val="3"/>
      <charset val="128"/>
    </font>
    <font>
      <sz val="12"/>
      <name val="ＭＳ ゴシック"/>
      <family val="3"/>
      <charset val="128"/>
    </font>
    <font>
      <sz val="12"/>
      <color theme="0"/>
      <name val="ＭＳ ゴシック"/>
      <family val="3"/>
      <charset val="128"/>
    </font>
    <font>
      <b/>
      <sz val="12"/>
      <color rgb="FFFF0000"/>
      <name val="ＭＳ ゴシック"/>
      <family val="3"/>
      <charset val="128"/>
    </font>
    <font>
      <b/>
      <sz val="12"/>
      <color theme="1"/>
      <name val="ＭＳ ゴシック"/>
      <family val="3"/>
      <charset val="128"/>
    </font>
    <font>
      <b/>
      <sz val="11"/>
      <color theme="1"/>
      <name val="ＭＳ ゴシック"/>
      <family val="3"/>
      <charset val="128"/>
    </font>
  </fonts>
  <fills count="6">
    <fill>
      <patternFill patternType="none"/>
    </fill>
    <fill>
      <patternFill patternType="gray125"/>
    </fill>
    <fill>
      <patternFill patternType="solid">
        <fgColor theme="4" tint="0.79998168889431442"/>
        <bgColor indexed="64"/>
      </patternFill>
    </fill>
    <fill>
      <patternFill patternType="solid">
        <fgColor theme="5" tint="0.79998168889431442"/>
        <bgColor indexed="64"/>
      </patternFill>
    </fill>
    <fill>
      <patternFill patternType="solid">
        <fgColor theme="0" tint="-4.9989318521683403E-2"/>
        <bgColor indexed="64"/>
      </patternFill>
    </fill>
    <fill>
      <patternFill patternType="solid">
        <fgColor rgb="FFFFFF00"/>
        <bgColor indexed="64"/>
      </patternFill>
    </fill>
  </fills>
  <borders count="10">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thick">
        <color indexed="64"/>
      </right>
      <top style="thin">
        <color indexed="64"/>
      </top>
      <bottom style="thin">
        <color indexed="64"/>
      </bottom>
      <diagonal/>
    </border>
    <border>
      <left/>
      <right style="thick">
        <color indexed="64"/>
      </right>
      <top style="thin">
        <color indexed="64"/>
      </top>
      <bottom style="thin">
        <color indexed="64"/>
      </bottom>
      <diagonal/>
    </border>
  </borders>
  <cellStyleXfs count="1">
    <xf numFmtId="0" fontId="0" fillId="0" borderId="0">
      <alignment vertical="center"/>
    </xf>
  </cellStyleXfs>
  <cellXfs count="82">
    <xf numFmtId="0" fontId="0" fillId="0" borderId="0" xfId="0">
      <alignment vertical="center"/>
    </xf>
    <xf numFmtId="0" fontId="3" fillId="0" borderId="0" xfId="0" applyFont="1">
      <alignment vertical="center"/>
    </xf>
    <xf numFmtId="0" fontId="3" fillId="0" borderId="0" xfId="0" applyFont="1" applyAlignment="1">
      <alignment horizontal="left" vertical="center" wrapText="1"/>
    </xf>
    <xf numFmtId="0" fontId="3" fillId="0" borderId="0" xfId="0" applyFont="1" applyAlignment="1">
      <alignment horizontal="center" vertical="center" wrapText="1"/>
    </xf>
    <xf numFmtId="0" fontId="4" fillId="0" borderId="0" xfId="0" applyFont="1" applyAlignment="1">
      <alignment horizontal="center" vertical="center" wrapText="1"/>
    </xf>
    <xf numFmtId="0" fontId="3" fillId="0" borderId="0" xfId="0" applyFont="1" applyAlignment="1">
      <alignment vertical="center" wrapText="1"/>
    </xf>
    <xf numFmtId="14" fontId="5" fillId="0" borderId="0" xfId="0" applyNumberFormat="1" applyFont="1" applyAlignment="1">
      <alignment horizontal="center" vertical="center" wrapText="1"/>
    </xf>
    <xf numFmtId="0" fontId="3" fillId="0" borderId="1" xfId="0" applyFont="1" applyBorder="1" applyAlignment="1">
      <alignment vertical="center" wrapText="1"/>
    </xf>
    <xf numFmtId="0" fontId="3" fillId="0" borderId="2" xfId="0" applyFont="1" applyBorder="1" applyAlignment="1">
      <alignment horizontal="center" vertical="center" wrapText="1"/>
    </xf>
    <xf numFmtId="0" fontId="3" fillId="0" borderId="6" xfId="0" applyFont="1" applyBorder="1" applyAlignment="1">
      <alignment vertical="center" wrapText="1"/>
    </xf>
    <xf numFmtId="0" fontId="3" fillId="4" borderId="1" xfId="0" applyFont="1" applyFill="1" applyBorder="1" applyAlignment="1">
      <alignment horizontal="center" vertical="center" wrapText="1"/>
    </xf>
    <xf numFmtId="0" fontId="4" fillId="4" borderId="1" xfId="0" applyFont="1" applyFill="1" applyBorder="1" applyAlignment="1">
      <alignment horizontal="center" vertical="center" wrapText="1"/>
    </xf>
    <xf numFmtId="0" fontId="3" fillId="3" borderId="1" xfId="0" applyFont="1" applyFill="1" applyBorder="1" applyAlignment="1">
      <alignment horizontal="center" vertical="center" wrapText="1"/>
    </xf>
    <xf numFmtId="0" fontId="3" fillId="2" borderId="1" xfId="0" applyFont="1" applyFill="1" applyBorder="1" applyAlignment="1">
      <alignment horizontal="center" vertical="center" wrapText="1"/>
    </xf>
    <xf numFmtId="0" fontId="3" fillId="0" borderId="1" xfId="0" applyFont="1" applyBorder="1" applyAlignment="1">
      <alignment horizontal="center" vertical="center" wrapText="1"/>
    </xf>
    <xf numFmtId="0" fontId="3" fillId="0" borderId="1" xfId="0" applyFont="1" applyBorder="1" applyAlignment="1">
      <alignment horizontal="right" vertical="center" wrapText="1"/>
    </xf>
    <xf numFmtId="0" fontId="3" fillId="0" borderId="7" xfId="0" applyFont="1" applyBorder="1" applyAlignment="1">
      <alignment horizontal="center" vertical="center" wrapText="1"/>
    </xf>
    <xf numFmtId="0" fontId="3" fillId="0" borderId="6" xfId="0" applyFont="1" applyBorder="1" applyAlignment="1">
      <alignment horizontal="center" vertical="center" wrapText="1"/>
    </xf>
    <xf numFmtId="176" fontId="3" fillId="0" borderId="1" xfId="0" applyNumberFormat="1" applyFont="1" applyBorder="1" applyAlignment="1">
      <alignment horizontal="center" vertical="center" wrapText="1"/>
    </xf>
    <xf numFmtId="0" fontId="3" fillId="0" borderId="1" xfId="0" applyNumberFormat="1" applyFont="1" applyBorder="1" applyAlignment="1">
      <alignment horizontal="center" vertical="center" wrapText="1"/>
    </xf>
    <xf numFmtId="0" fontId="4" fillId="0" borderId="1" xfId="0" applyFont="1" applyBorder="1" applyAlignment="1">
      <alignment horizontal="center" vertical="center" wrapText="1"/>
    </xf>
    <xf numFmtId="0" fontId="3" fillId="0" borderId="1" xfId="0" applyFont="1" applyBorder="1" applyAlignment="1">
      <alignment horizontal="left" vertical="center" wrapText="1"/>
    </xf>
    <xf numFmtId="0" fontId="3" fillId="0" borderId="0" xfId="0" applyFont="1" applyAlignment="1">
      <alignment horizontal="right" vertical="center" wrapText="1"/>
    </xf>
    <xf numFmtId="176" fontId="3" fillId="0" borderId="0" xfId="0" applyNumberFormat="1" applyFont="1" applyAlignment="1">
      <alignment horizontal="center" vertical="center" wrapText="1"/>
    </xf>
    <xf numFmtId="0" fontId="7" fillId="0" borderId="7" xfId="0" applyFont="1" applyBorder="1" applyAlignment="1">
      <alignment horizontal="center" vertical="center" wrapText="1"/>
    </xf>
    <xf numFmtId="0" fontId="7" fillId="0" borderId="6" xfId="0" applyFont="1" applyBorder="1" applyAlignment="1">
      <alignment horizontal="center" vertical="center" wrapText="1"/>
    </xf>
    <xf numFmtId="176" fontId="7" fillId="0" borderId="1" xfId="0" applyNumberFormat="1" applyFont="1" applyBorder="1" applyAlignment="1">
      <alignment horizontal="center" vertical="center" wrapText="1"/>
    </xf>
    <xf numFmtId="0" fontId="7" fillId="0" borderId="1" xfId="0" applyNumberFormat="1" applyFont="1" applyBorder="1" applyAlignment="1">
      <alignment horizontal="center" vertical="center" wrapText="1"/>
    </xf>
    <xf numFmtId="0" fontId="7" fillId="0" borderId="1" xfId="0" applyFont="1" applyBorder="1" applyAlignment="1">
      <alignment horizontal="center" vertical="center" wrapText="1"/>
    </xf>
    <xf numFmtId="0" fontId="8" fillId="0" borderId="1" xfId="0" applyFont="1" applyBorder="1" applyAlignment="1">
      <alignment horizontal="center" vertical="center" wrapText="1"/>
    </xf>
    <xf numFmtId="0" fontId="7" fillId="0" borderId="0" xfId="0" applyFont="1" applyAlignment="1">
      <alignment horizontal="center" vertical="center" wrapText="1"/>
    </xf>
    <xf numFmtId="0" fontId="7" fillId="0" borderId="1" xfId="0" applyFont="1" applyBorder="1" applyAlignment="1">
      <alignment horizontal="left" vertical="center" wrapText="1"/>
    </xf>
    <xf numFmtId="0" fontId="7" fillId="0" borderId="0" xfId="0" applyFont="1">
      <alignment vertical="center"/>
    </xf>
    <xf numFmtId="0" fontId="7" fillId="0" borderId="0" xfId="0" applyFont="1" applyAlignment="1">
      <alignment horizontal="left" vertical="center" wrapText="1"/>
    </xf>
    <xf numFmtId="0" fontId="8" fillId="0" borderId="0" xfId="0" applyFont="1" applyAlignment="1">
      <alignment horizontal="center" vertical="center" wrapText="1"/>
    </xf>
    <xf numFmtId="0" fontId="7" fillId="0" borderId="0" xfId="0" applyFont="1" applyAlignment="1">
      <alignment vertical="center" wrapText="1"/>
    </xf>
    <xf numFmtId="14" fontId="9" fillId="0" borderId="0" xfId="0" applyNumberFormat="1" applyFont="1" applyAlignment="1">
      <alignment horizontal="center" vertical="center" wrapText="1"/>
    </xf>
    <xf numFmtId="0" fontId="7" fillId="4" borderId="1" xfId="0" applyFont="1" applyFill="1" applyBorder="1" applyAlignment="1">
      <alignment horizontal="center" vertical="center" wrapText="1"/>
    </xf>
    <xf numFmtId="0" fontId="8" fillId="4" borderId="1" xfId="0" applyFont="1" applyFill="1" applyBorder="1" applyAlignment="1">
      <alignment horizontal="center" vertical="center" wrapText="1"/>
    </xf>
    <xf numFmtId="0" fontId="7" fillId="3" borderId="1" xfId="0" applyFont="1" applyFill="1" applyBorder="1" applyAlignment="1">
      <alignment horizontal="center" vertical="center" wrapText="1"/>
    </xf>
    <xf numFmtId="0" fontId="7" fillId="2" borderId="1" xfId="0" applyFont="1" applyFill="1" applyBorder="1" applyAlignment="1">
      <alignment horizontal="center" vertical="center" wrapText="1"/>
    </xf>
    <xf numFmtId="0" fontId="7" fillId="0" borderId="1" xfId="0" applyFont="1" applyBorder="1" applyAlignment="1">
      <alignment horizontal="right" vertical="center" wrapText="1"/>
    </xf>
    <xf numFmtId="0" fontId="7" fillId="0" borderId="0" xfId="0" applyFont="1" applyAlignment="1">
      <alignment horizontal="right" vertical="center" wrapText="1"/>
    </xf>
    <xf numFmtId="176" fontId="7" fillId="0" borderId="0" xfId="0" applyNumberFormat="1" applyFont="1" applyAlignment="1">
      <alignment horizontal="center" vertical="center" wrapText="1"/>
    </xf>
    <xf numFmtId="0" fontId="3" fillId="0" borderId="6" xfId="0" applyFont="1" applyBorder="1" applyAlignment="1">
      <alignment horizontal="center" vertical="center" wrapText="1"/>
    </xf>
    <xf numFmtId="0" fontId="7" fillId="0" borderId="6" xfId="0" applyFont="1" applyBorder="1" applyAlignment="1">
      <alignment horizontal="center" vertical="center" wrapText="1"/>
    </xf>
    <xf numFmtId="0" fontId="7" fillId="3" borderId="6" xfId="0" applyFont="1" applyFill="1" applyBorder="1" applyAlignment="1">
      <alignment horizontal="center" vertical="center" wrapText="1"/>
    </xf>
    <xf numFmtId="176" fontId="7" fillId="0" borderId="6" xfId="0" applyNumberFormat="1" applyFont="1" applyBorder="1" applyAlignment="1">
      <alignment horizontal="center" vertical="center" wrapText="1"/>
    </xf>
    <xf numFmtId="0" fontId="7" fillId="4" borderId="8" xfId="0" applyFont="1" applyFill="1" applyBorder="1" applyAlignment="1">
      <alignment horizontal="center" vertical="center" wrapText="1"/>
    </xf>
    <xf numFmtId="0" fontId="7" fillId="0" borderId="0" xfId="0" applyFont="1" applyBorder="1" applyAlignment="1">
      <alignment horizontal="center" vertical="center" wrapText="1"/>
    </xf>
    <xf numFmtId="0" fontId="7" fillId="0" borderId="8" xfId="0" applyFont="1" applyBorder="1" applyAlignment="1">
      <alignment horizontal="center" vertical="center" wrapText="1"/>
    </xf>
    <xf numFmtId="0" fontId="3" fillId="3" borderId="6" xfId="0" applyFont="1" applyFill="1" applyBorder="1" applyAlignment="1">
      <alignment horizontal="center" vertical="center" wrapText="1"/>
    </xf>
    <xf numFmtId="176" fontId="3" fillId="0" borderId="6" xfId="0" applyNumberFormat="1" applyFont="1" applyBorder="1" applyAlignment="1">
      <alignment horizontal="center" vertical="center" wrapText="1"/>
    </xf>
    <xf numFmtId="0" fontId="3" fillId="4" borderId="8" xfId="0" applyFont="1" applyFill="1" applyBorder="1" applyAlignment="1">
      <alignment horizontal="center" vertical="center" wrapText="1"/>
    </xf>
    <xf numFmtId="0" fontId="3" fillId="0" borderId="8" xfId="0" applyFont="1" applyBorder="1" applyAlignment="1">
      <alignment horizontal="center" vertical="center" wrapText="1"/>
    </xf>
    <xf numFmtId="0" fontId="3" fillId="0" borderId="4" xfId="0" applyFont="1" applyBorder="1" applyAlignment="1">
      <alignment vertical="center" wrapText="1"/>
    </xf>
    <xf numFmtId="0" fontId="3" fillId="0" borderId="5" xfId="0" applyFont="1" applyBorder="1" applyAlignment="1">
      <alignment vertical="center" wrapText="1"/>
    </xf>
    <xf numFmtId="0" fontId="3" fillId="0" borderId="4" xfId="0" applyFont="1" applyBorder="1" applyAlignment="1">
      <alignment horizontal="center" vertical="center" wrapText="1"/>
    </xf>
    <xf numFmtId="0" fontId="3" fillId="0" borderId="5" xfId="0" applyFont="1" applyBorder="1" applyAlignment="1">
      <alignment horizontal="center" vertical="center" wrapText="1"/>
    </xf>
    <xf numFmtId="0" fontId="3" fillId="4" borderId="2" xfId="0" applyFont="1" applyFill="1" applyBorder="1" applyAlignment="1">
      <alignment horizontal="center" vertical="center" wrapText="1"/>
    </xf>
    <xf numFmtId="0" fontId="3" fillId="0" borderId="6" xfId="0" applyFont="1" applyBorder="1" applyAlignment="1">
      <alignment horizontal="center" vertical="center" wrapText="1"/>
    </xf>
    <xf numFmtId="0" fontId="3" fillId="2" borderId="1" xfId="0" applyFont="1" applyFill="1" applyBorder="1" applyAlignment="1">
      <alignment horizontal="center" vertical="center" wrapText="1"/>
    </xf>
    <xf numFmtId="0" fontId="3" fillId="4" borderId="4" xfId="0" applyFont="1" applyFill="1" applyBorder="1" applyAlignment="1">
      <alignment horizontal="center" vertical="center" wrapText="1"/>
    </xf>
    <xf numFmtId="0" fontId="3" fillId="4" borderId="5" xfId="0" applyFont="1" applyFill="1" applyBorder="1" applyAlignment="1">
      <alignment horizontal="center" vertical="center" wrapText="1"/>
    </xf>
    <xf numFmtId="0" fontId="3" fillId="3" borderId="6" xfId="0" applyFont="1" applyFill="1" applyBorder="1" applyAlignment="1">
      <alignment horizontal="center" vertical="center" wrapText="1"/>
    </xf>
    <xf numFmtId="0" fontId="3" fillId="3" borderId="1" xfId="0" applyFont="1" applyFill="1" applyBorder="1" applyAlignment="1">
      <alignment horizontal="center" vertical="center" wrapText="1"/>
    </xf>
    <xf numFmtId="0" fontId="3" fillId="4" borderId="6" xfId="0" applyFont="1" applyFill="1" applyBorder="1" applyAlignment="1">
      <alignment horizontal="center" vertical="center" wrapText="1"/>
    </xf>
    <xf numFmtId="0" fontId="11" fillId="5" borderId="2" xfId="0" applyFont="1" applyFill="1" applyBorder="1" applyAlignment="1">
      <alignment horizontal="center" vertical="center"/>
    </xf>
    <xf numFmtId="0" fontId="12" fillId="5" borderId="3" xfId="0" applyFont="1" applyFill="1" applyBorder="1" applyAlignment="1">
      <alignment horizontal="center" vertical="center"/>
    </xf>
    <xf numFmtId="0" fontId="12" fillId="5" borderId="9" xfId="0" applyFont="1" applyFill="1" applyBorder="1" applyAlignment="1">
      <alignment horizontal="center" vertical="center"/>
    </xf>
    <xf numFmtId="0" fontId="7" fillId="4" borderId="4" xfId="0" applyFont="1" applyFill="1" applyBorder="1" applyAlignment="1">
      <alignment horizontal="center" vertical="center" wrapText="1"/>
    </xf>
    <xf numFmtId="0" fontId="7" fillId="4" borderId="5" xfId="0" applyFont="1" applyFill="1" applyBorder="1" applyAlignment="1">
      <alignment horizontal="center" vertical="center" wrapText="1"/>
    </xf>
    <xf numFmtId="0" fontId="7" fillId="3" borderId="6" xfId="0" applyFont="1" applyFill="1" applyBorder="1" applyAlignment="1">
      <alignment horizontal="center" vertical="center" wrapText="1"/>
    </xf>
    <xf numFmtId="0" fontId="7" fillId="3" borderId="1" xfId="0" applyFont="1" applyFill="1" applyBorder="1" applyAlignment="1">
      <alignment horizontal="center" vertical="center" wrapText="1"/>
    </xf>
    <xf numFmtId="0" fontId="7" fillId="2" borderId="1" xfId="0" applyFont="1" applyFill="1" applyBorder="1" applyAlignment="1">
      <alignment horizontal="center" vertical="center" wrapText="1"/>
    </xf>
    <xf numFmtId="0" fontId="7" fillId="0" borderId="4" xfId="0" applyFont="1" applyBorder="1" applyAlignment="1">
      <alignment horizontal="center" vertical="center" wrapText="1"/>
    </xf>
    <xf numFmtId="0" fontId="7" fillId="0" borderId="5" xfId="0" applyFont="1" applyBorder="1" applyAlignment="1">
      <alignment horizontal="center" vertical="center" wrapText="1"/>
    </xf>
    <xf numFmtId="0" fontId="7" fillId="4" borderId="2" xfId="0" applyFont="1" applyFill="1" applyBorder="1" applyAlignment="1">
      <alignment horizontal="center" vertical="center" wrapText="1"/>
    </xf>
    <xf numFmtId="0" fontId="7" fillId="4" borderId="6" xfId="0" applyFont="1" applyFill="1" applyBorder="1" applyAlignment="1">
      <alignment horizontal="center" vertical="center" wrapText="1"/>
    </xf>
    <xf numFmtId="0" fontId="7" fillId="0" borderId="6" xfId="0" applyFont="1" applyBorder="1" applyAlignment="1">
      <alignment horizontal="center" vertical="center" wrapText="1"/>
    </xf>
    <xf numFmtId="0" fontId="0" fillId="5" borderId="3" xfId="0" applyFill="1" applyBorder="1" applyAlignment="1">
      <alignment horizontal="center" vertical="center"/>
    </xf>
    <xf numFmtId="0" fontId="0" fillId="5" borderId="9" xfId="0" applyFill="1" applyBorder="1" applyAlignment="1">
      <alignment horizontal="center" vertical="center"/>
    </xf>
  </cellXfs>
  <cellStyles count="1">
    <cellStyle name="標準" xfId="0" builtinId="0"/>
  </cellStyles>
  <dxfs count="5">
    <dxf>
      <font>
        <color auto="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66CCFF"/>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drawings/drawing1.xml><?xml version="1.0" encoding="utf-8"?>
<xdr:wsDr xmlns:xdr="http://schemas.openxmlformats.org/drawingml/2006/spreadsheetDrawing" xmlns:a="http://schemas.openxmlformats.org/drawingml/2006/main">
  <xdr:oneCellAnchor>
    <xdr:from>
      <xdr:col>17</xdr:col>
      <xdr:colOff>762000</xdr:colOff>
      <xdr:row>12</xdr:row>
      <xdr:rowOff>228600</xdr:rowOff>
    </xdr:from>
    <xdr:ext cx="9829800" cy="2190750"/>
    <xdr:sp macro="" textlink="">
      <xdr:nvSpPr>
        <xdr:cNvPr id="6" name="テキスト ボックス 5"/>
        <xdr:cNvSpPr txBox="1"/>
      </xdr:nvSpPr>
      <xdr:spPr>
        <a:xfrm>
          <a:off x="20440650" y="4248150"/>
          <a:ext cx="9829800" cy="2190750"/>
        </a:xfrm>
        <a:prstGeom prst="rect">
          <a:avLst/>
        </a:prstGeom>
        <a:solidFill>
          <a:schemeClr val="bg1"/>
        </a:solidFill>
        <a:ln w="28575">
          <a:solidFill>
            <a:schemeClr val="tx1"/>
          </a:solidFill>
        </a:ln>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endParaRPr kumimoji="1" lang="en-US" altLang="ja-JP" sz="4000"/>
        </a:p>
        <a:p>
          <a:pPr algn="ctr"/>
          <a:r>
            <a:rPr kumimoji="1" lang="ja-JP" altLang="en-US" sz="4000"/>
            <a:t>今回の照会では、入力不要</a:t>
          </a:r>
        </a:p>
      </xdr:txBody>
    </xdr:sp>
    <xdr:clientData/>
  </xdr:oneCellAnchor>
</xdr:wsDr>
</file>

<file path=xl/drawings/drawing2.xml><?xml version="1.0" encoding="utf-8"?>
<xdr:wsDr xmlns:xdr="http://schemas.openxmlformats.org/drawingml/2006/spreadsheetDrawing" xmlns:a="http://schemas.openxmlformats.org/drawingml/2006/main">
  <xdr:twoCellAnchor>
    <xdr:from>
      <xdr:col>1</xdr:col>
      <xdr:colOff>666750</xdr:colOff>
      <xdr:row>5</xdr:row>
      <xdr:rowOff>9527</xdr:rowOff>
    </xdr:from>
    <xdr:to>
      <xdr:col>5</xdr:col>
      <xdr:colOff>1562099</xdr:colOff>
      <xdr:row>14</xdr:row>
      <xdr:rowOff>276224</xdr:rowOff>
    </xdr:to>
    <xdr:grpSp>
      <xdr:nvGrpSpPr>
        <xdr:cNvPr id="17" name="グループ化 16"/>
        <xdr:cNvGrpSpPr/>
      </xdr:nvGrpSpPr>
      <xdr:grpSpPr>
        <a:xfrm>
          <a:off x="1247775" y="2114552"/>
          <a:ext cx="4438649" cy="3695697"/>
          <a:chOff x="1247775" y="1971677"/>
          <a:chExt cx="4438649" cy="3695697"/>
        </a:xfrm>
      </xdr:grpSpPr>
      <xdr:sp macro="" textlink="">
        <xdr:nvSpPr>
          <xdr:cNvPr id="10" name="右大かっこ 9"/>
          <xdr:cNvSpPr/>
        </xdr:nvSpPr>
        <xdr:spPr>
          <a:xfrm rot="5400000">
            <a:off x="4791073" y="1352551"/>
            <a:ext cx="276225" cy="1514477"/>
          </a:xfrm>
          <a:prstGeom prst="rightBracket">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ctr"/>
          <a:lstStyle/>
          <a:p>
            <a:pPr algn="l"/>
            <a:endParaRPr kumimoji="1" lang="ja-JP" altLang="en-US" sz="1400"/>
          </a:p>
        </xdr:txBody>
      </xdr:sp>
      <xdr:cxnSp macro="">
        <xdr:nvCxnSpPr>
          <xdr:cNvPr id="12" name="直線コネクタ 11"/>
          <xdr:cNvCxnSpPr/>
        </xdr:nvCxnSpPr>
        <xdr:spPr>
          <a:xfrm flipH="1">
            <a:off x="3038475" y="2266952"/>
            <a:ext cx="1900235" cy="1885948"/>
          </a:xfrm>
          <a:prstGeom prst="line">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cxnSp>
      <xdr:sp macro="" textlink="">
        <xdr:nvSpPr>
          <xdr:cNvPr id="14" name="正方形/長方形 13"/>
          <xdr:cNvSpPr/>
        </xdr:nvSpPr>
        <xdr:spPr>
          <a:xfrm>
            <a:off x="1247775" y="4171949"/>
            <a:ext cx="3267075" cy="1495425"/>
          </a:xfrm>
          <a:prstGeom prst="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ja-JP" sz="1400">
                <a:solidFill>
                  <a:schemeClr val="tx1"/>
                </a:solidFill>
                <a:effectLst/>
                <a:latin typeface="ＭＳ 明朝" panose="02020609040205080304" pitchFamily="17" charset="-128"/>
                <a:ea typeface="ＭＳ 明朝" panose="02020609040205080304" pitchFamily="17" charset="-128"/>
                <a:cs typeface="+mn-cs"/>
              </a:rPr>
              <a:t>〇生年月日</a:t>
            </a:r>
            <a:endParaRPr lang="ja-JP" altLang="ja-JP" sz="1400">
              <a:solidFill>
                <a:schemeClr val="tx1"/>
              </a:solidFill>
              <a:effectLst/>
              <a:latin typeface="ＭＳ 明朝" panose="02020609040205080304" pitchFamily="17" charset="-128"/>
              <a:ea typeface="ＭＳ 明朝" panose="02020609040205080304" pitchFamily="17" charset="-128"/>
            </a:endParaRPr>
          </a:p>
          <a:p>
            <a:r>
              <a:rPr kumimoji="1" lang="ja-JP" altLang="ja-JP" sz="1400">
                <a:solidFill>
                  <a:schemeClr val="tx1"/>
                </a:solidFill>
                <a:effectLst/>
                <a:latin typeface="ＭＳ 明朝" panose="02020609040205080304" pitchFamily="17" charset="-128"/>
                <a:ea typeface="ＭＳ 明朝" panose="02020609040205080304" pitchFamily="17" charset="-128"/>
                <a:cs typeface="+mn-cs"/>
              </a:rPr>
              <a:t>　以下の方法で入力してください。</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a:p>
            <a:endParaRPr lang="ja-JP" altLang="ja-JP" sz="1400">
              <a:solidFill>
                <a:schemeClr val="tx1"/>
              </a:solidFill>
              <a:effectLst/>
              <a:latin typeface="ＭＳ 明朝" panose="02020609040205080304" pitchFamily="17" charset="-128"/>
              <a:ea typeface="ＭＳ 明朝" panose="02020609040205080304" pitchFamily="17" charset="-128"/>
            </a:endParaRP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a:t>
            </a:r>
            <a:r>
              <a:rPr kumimoji="1" lang="ja-JP" altLang="ja-JP" sz="1400">
                <a:solidFill>
                  <a:schemeClr val="tx1"/>
                </a:solidFill>
                <a:effectLst/>
                <a:latin typeface="ＭＳ 明朝" panose="02020609040205080304" pitchFamily="17" charset="-128"/>
                <a:ea typeface="ＭＳ 明朝" panose="02020609040205080304" pitchFamily="17" charset="-128"/>
                <a:cs typeface="+mn-cs"/>
              </a:rPr>
              <a:t>昭和</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25</a:t>
            </a:r>
            <a:r>
              <a:rPr kumimoji="1" lang="ja-JP" altLang="ja-JP" sz="1400">
                <a:solidFill>
                  <a:schemeClr val="tx1"/>
                </a:solidFill>
                <a:effectLst/>
                <a:latin typeface="ＭＳ 明朝" panose="02020609040205080304" pitchFamily="17" charset="-128"/>
                <a:ea typeface="ＭＳ 明朝" panose="02020609040205080304" pitchFamily="17" charset="-128"/>
                <a:cs typeface="+mn-cs"/>
              </a:rPr>
              <a:t>年</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7</a:t>
            </a:r>
            <a:r>
              <a:rPr kumimoji="1" lang="ja-JP" altLang="ja-JP" sz="1400">
                <a:solidFill>
                  <a:schemeClr val="tx1"/>
                </a:solidFill>
                <a:effectLst/>
                <a:latin typeface="ＭＳ 明朝" panose="02020609040205080304" pitchFamily="17" charset="-128"/>
                <a:ea typeface="ＭＳ 明朝" panose="02020609040205080304" pitchFamily="17" charset="-128"/>
                <a:cs typeface="+mn-cs"/>
              </a:rPr>
              <a:t>月</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28</a:t>
            </a:r>
            <a:r>
              <a:rPr kumimoji="1" lang="ja-JP" altLang="ja-JP" sz="1400">
                <a:solidFill>
                  <a:schemeClr val="tx1"/>
                </a:solidFill>
                <a:effectLst/>
                <a:latin typeface="ＭＳ 明朝" panose="02020609040205080304" pitchFamily="17" charset="-128"/>
                <a:ea typeface="ＭＳ 明朝" panose="02020609040205080304" pitchFamily="17" charset="-128"/>
                <a:cs typeface="+mn-cs"/>
              </a:rPr>
              <a:t>日生まれの場合</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
            </a:r>
            <a:br>
              <a:rPr kumimoji="1" lang="en-US" altLang="ja-JP" sz="1400">
                <a:solidFill>
                  <a:schemeClr val="tx1"/>
                </a:solidFill>
                <a:effectLst/>
                <a:latin typeface="ＭＳ 明朝" panose="02020609040205080304" pitchFamily="17" charset="-128"/>
                <a:ea typeface="ＭＳ 明朝" panose="02020609040205080304" pitchFamily="17" charset="-128"/>
                <a:cs typeface="+mn-cs"/>
              </a:rPr>
            </a:br>
            <a:r>
              <a:rPr kumimoji="1" lang="ja-JP" altLang="ja-JP" sz="1400">
                <a:solidFill>
                  <a:schemeClr val="tx1"/>
                </a:solidFill>
                <a:effectLst/>
                <a:latin typeface="ＭＳ 明朝" panose="02020609040205080304" pitchFamily="17" charset="-128"/>
                <a:ea typeface="ＭＳ 明朝" panose="02020609040205080304" pitchFamily="17" charset="-128"/>
                <a:cs typeface="+mn-cs"/>
              </a:rPr>
              <a:t>　　・西暦の場合　</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1950/7/28</a:t>
            </a:r>
            <a:r>
              <a:rPr kumimoji="1" lang="ja-JP" altLang="ja-JP" sz="1400">
                <a:solidFill>
                  <a:schemeClr val="tx1"/>
                </a:solidFill>
                <a:effectLst/>
                <a:latin typeface="ＭＳ 明朝" panose="02020609040205080304" pitchFamily="17" charset="-128"/>
                <a:ea typeface="ＭＳ 明朝" panose="02020609040205080304" pitchFamily="17" charset="-128"/>
                <a:cs typeface="+mn-cs"/>
              </a:rPr>
              <a:t>）</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a:t>
            </a:r>
            <a:r>
              <a:rPr kumimoji="1" lang="ja-JP" altLang="ja-JP" sz="1400">
                <a:solidFill>
                  <a:schemeClr val="tx1"/>
                </a:solidFill>
                <a:effectLst/>
                <a:latin typeface="ＭＳ 明朝" panose="02020609040205080304" pitchFamily="17" charset="-128"/>
                <a:ea typeface="ＭＳ 明朝" panose="02020609040205080304" pitchFamily="17" charset="-128"/>
                <a:cs typeface="+mn-cs"/>
              </a:rPr>
              <a:t>・和歴の場合　</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s25.7.28</a:t>
            </a:r>
            <a:br>
              <a:rPr kumimoji="1" lang="en-US" altLang="ja-JP" sz="1400">
                <a:solidFill>
                  <a:schemeClr val="tx1"/>
                </a:solidFill>
                <a:effectLst/>
                <a:latin typeface="ＭＳ 明朝" panose="02020609040205080304" pitchFamily="17" charset="-128"/>
                <a:ea typeface="ＭＳ 明朝" panose="02020609040205080304" pitchFamily="17" charset="-128"/>
                <a:cs typeface="+mn-cs"/>
              </a:rPr>
            </a:br>
            <a:endParaRPr lang="ja-JP" altLang="ja-JP" sz="1400">
              <a:solidFill>
                <a:schemeClr val="tx1"/>
              </a:solidFill>
              <a:effectLst/>
              <a:latin typeface="ＭＳ 明朝" panose="02020609040205080304" pitchFamily="17" charset="-128"/>
              <a:ea typeface="ＭＳ 明朝" panose="02020609040205080304" pitchFamily="17" charset="-128"/>
            </a:endParaRPr>
          </a:p>
          <a:p>
            <a:endParaRPr lang="ja-JP" altLang="ja-JP" sz="1400">
              <a:solidFill>
                <a:schemeClr val="tx1"/>
              </a:solidFill>
              <a:effectLst/>
              <a:latin typeface="ＭＳ 明朝" panose="02020609040205080304" pitchFamily="17" charset="-128"/>
              <a:ea typeface="ＭＳ 明朝" panose="02020609040205080304" pitchFamily="17" charset="-128"/>
            </a:endParaRPr>
          </a:p>
          <a:p>
            <a:pPr algn="l"/>
            <a:endParaRPr kumimoji="1" lang="ja-JP" altLang="en-US" sz="1400">
              <a:solidFill>
                <a:schemeClr val="tx1"/>
              </a:solidFill>
              <a:latin typeface="ＭＳ 明朝" panose="02020609040205080304" pitchFamily="17" charset="-128"/>
              <a:ea typeface="ＭＳ 明朝" panose="02020609040205080304" pitchFamily="17" charset="-128"/>
            </a:endParaRPr>
          </a:p>
        </xdr:txBody>
      </xdr:sp>
    </xdr:grpSp>
    <xdr:clientData/>
  </xdr:twoCellAnchor>
  <xdr:twoCellAnchor>
    <xdr:from>
      <xdr:col>2</xdr:col>
      <xdr:colOff>533400</xdr:colOff>
      <xdr:row>5</xdr:row>
      <xdr:rowOff>2</xdr:rowOff>
    </xdr:from>
    <xdr:to>
      <xdr:col>7</xdr:col>
      <xdr:colOff>19050</xdr:colOff>
      <xdr:row>21</xdr:row>
      <xdr:rowOff>9525</xdr:rowOff>
    </xdr:to>
    <xdr:grpSp>
      <xdr:nvGrpSpPr>
        <xdr:cNvPr id="18" name="グループ化 17"/>
        <xdr:cNvGrpSpPr/>
      </xdr:nvGrpSpPr>
      <xdr:grpSpPr>
        <a:xfrm>
          <a:off x="2000250" y="2105027"/>
          <a:ext cx="4362450" cy="6105523"/>
          <a:chOff x="967319" y="1971677"/>
          <a:chExt cx="3860229" cy="6105523"/>
        </a:xfrm>
      </xdr:grpSpPr>
      <xdr:sp macro="" textlink="">
        <xdr:nvSpPr>
          <xdr:cNvPr id="19" name="右大かっこ 18"/>
          <xdr:cNvSpPr/>
        </xdr:nvSpPr>
        <xdr:spPr>
          <a:xfrm rot="5400000">
            <a:off x="4361635" y="1781990"/>
            <a:ext cx="276225" cy="655600"/>
          </a:xfrm>
          <a:prstGeom prst="rightBracket">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400"/>
          </a:p>
        </xdr:txBody>
      </xdr:sp>
      <xdr:cxnSp macro="">
        <xdr:nvCxnSpPr>
          <xdr:cNvPr id="20" name="直線コネクタ 19"/>
          <xdr:cNvCxnSpPr>
            <a:stCxn id="19" idx="2"/>
            <a:endCxn id="21" idx="0"/>
          </xdr:cNvCxnSpPr>
        </xdr:nvCxnSpPr>
        <xdr:spPr>
          <a:xfrm flipH="1">
            <a:off x="2680355" y="2247903"/>
            <a:ext cx="1819392" cy="5010146"/>
          </a:xfrm>
          <a:prstGeom prst="line">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cxnSp>
      <xdr:sp macro="" textlink="">
        <xdr:nvSpPr>
          <xdr:cNvPr id="21" name="正方形/長方形 20"/>
          <xdr:cNvSpPr/>
        </xdr:nvSpPr>
        <xdr:spPr>
          <a:xfrm>
            <a:off x="967319" y="7258049"/>
            <a:ext cx="3426071" cy="819151"/>
          </a:xfrm>
          <a:prstGeom prst="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〇年齢（令和４年４月１日現在）</a:t>
            </a: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左記、生年月日の記載例のとおり</a:t>
            </a: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入力すると、自動で計算します。</a:t>
            </a: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
            </a:r>
            <a:br>
              <a:rPr kumimoji="1" lang="en-US" altLang="ja-JP" sz="1400">
                <a:solidFill>
                  <a:schemeClr val="tx1"/>
                </a:solidFill>
                <a:effectLst/>
                <a:latin typeface="ＭＳ 明朝" panose="02020609040205080304" pitchFamily="17" charset="-128"/>
                <a:ea typeface="ＭＳ 明朝" panose="02020609040205080304" pitchFamily="17" charset="-128"/>
                <a:cs typeface="+mn-cs"/>
              </a:rPr>
            </a:br>
            <a:endParaRPr lang="ja-JP" altLang="ja-JP" sz="1400">
              <a:solidFill>
                <a:schemeClr val="tx1"/>
              </a:solidFill>
              <a:effectLst/>
              <a:latin typeface="ＭＳ 明朝" panose="02020609040205080304" pitchFamily="17" charset="-128"/>
              <a:ea typeface="ＭＳ 明朝" panose="02020609040205080304" pitchFamily="17" charset="-128"/>
            </a:endParaRPr>
          </a:p>
          <a:p>
            <a:endParaRPr lang="ja-JP" altLang="ja-JP" sz="1400">
              <a:solidFill>
                <a:schemeClr val="tx1"/>
              </a:solidFill>
              <a:effectLst/>
              <a:latin typeface="ＭＳ 明朝" panose="02020609040205080304" pitchFamily="17" charset="-128"/>
              <a:ea typeface="ＭＳ 明朝" panose="02020609040205080304" pitchFamily="17" charset="-128"/>
            </a:endParaRPr>
          </a:p>
          <a:p>
            <a:pPr algn="l"/>
            <a:endParaRPr kumimoji="1" lang="ja-JP" altLang="en-US" sz="1400">
              <a:solidFill>
                <a:schemeClr val="tx1"/>
              </a:solidFill>
              <a:latin typeface="ＭＳ 明朝" panose="02020609040205080304" pitchFamily="17" charset="-128"/>
              <a:ea typeface="ＭＳ 明朝" panose="02020609040205080304" pitchFamily="17" charset="-128"/>
            </a:endParaRPr>
          </a:p>
        </xdr:txBody>
      </xdr:sp>
    </xdr:grpSp>
    <xdr:clientData/>
  </xdr:twoCellAnchor>
  <xdr:twoCellAnchor>
    <xdr:from>
      <xdr:col>7</xdr:col>
      <xdr:colOff>38100</xdr:colOff>
      <xdr:row>10</xdr:row>
      <xdr:rowOff>19054</xdr:rowOff>
    </xdr:from>
    <xdr:to>
      <xdr:col>10</xdr:col>
      <xdr:colOff>-1</xdr:colOff>
      <xdr:row>17</xdr:row>
      <xdr:rowOff>361950</xdr:rowOff>
    </xdr:to>
    <xdr:grpSp>
      <xdr:nvGrpSpPr>
        <xdr:cNvPr id="26" name="グループ化 25"/>
        <xdr:cNvGrpSpPr/>
      </xdr:nvGrpSpPr>
      <xdr:grpSpPr>
        <a:xfrm>
          <a:off x="6381750" y="4029079"/>
          <a:ext cx="4476749" cy="3009896"/>
          <a:chOff x="3219450" y="2428879"/>
          <a:chExt cx="4410074" cy="3009896"/>
        </a:xfrm>
      </xdr:grpSpPr>
      <xdr:sp macro="" textlink="">
        <xdr:nvSpPr>
          <xdr:cNvPr id="27" name="右大かっこ 26"/>
          <xdr:cNvSpPr/>
        </xdr:nvSpPr>
        <xdr:spPr>
          <a:xfrm rot="5400000">
            <a:off x="5929310" y="1004890"/>
            <a:ext cx="276225" cy="3124203"/>
          </a:xfrm>
          <a:prstGeom prst="rightBracket">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ctr"/>
          <a:lstStyle/>
          <a:p>
            <a:pPr algn="l"/>
            <a:endParaRPr kumimoji="1" lang="ja-JP" altLang="en-US" sz="1400"/>
          </a:p>
        </xdr:txBody>
      </xdr:sp>
      <xdr:cxnSp macro="">
        <xdr:nvCxnSpPr>
          <xdr:cNvPr id="28" name="直線コネクタ 27"/>
          <xdr:cNvCxnSpPr>
            <a:stCxn id="27" idx="2"/>
            <a:endCxn id="29" idx="0"/>
          </xdr:cNvCxnSpPr>
        </xdr:nvCxnSpPr>
        <xdr:spPr>
          <a:xfrm flipH="1">
            <a:off x="5195888" y="2705104"/>
            <a:ext cx="871534" cy="1162045"/>
          </a:xfrm>
          <a:prstGeom prst="line">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cxnSp>
      <xdr:sp macro="" textlink="">
        <xdr:nvSpPr>
          <xdr:cNvPr id="29" name="正方形/長方形 28"/>
          <xdr:cNvSpPr/>
        </xdr:nvSpPr>
        <xdr:spPr>
          <a:xfrm>
            <a:off x="3219450" y="3867149"/>
            <a:ext cx="3952875" cy="1571626"/>
          </a:xfrm>
          <a:prstGeom prst="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〇接種希望及び確認方法</a:t>
            </a: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必ず、ご本人に希望の有無を確認してください。</a:t>
            </a: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なお、ご本人への意思確認が困難な場合は、家族やかかりつけ医、協力医療機関の協力を得ながら本人の意思を確認してください。</a:t>
            </a: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
            </a:r>
            <a:br>
              <a:rPr kumimoji="1" lang="en-US" altLang="ja-JP" sz="1400">
                <a:solidFill>
                  <a:schemeClr val="tx1"/>
                </a:solidFill>
                <a:effectLst/>
                <a:latin typeface="ＭＳ 明朝" panose="02020609040205080304" pitchFamily="17" charset="-128"/>
                <a:ea typeface="ＭＳ 明朝" panose="02020609040205080304" pitchFamily="17" charset="-128"/>
                <a:cs typeface="+mn-cs"/>
              </a:rPr>
            </a:br>
            <a:endParaRPr lang="ja-JP" altLang="ja-JP" sz="1400">
              <a:solidFill>
                <a:schemeClr val="tx1"/>
              </a:solidFill>
              <a:effectLst/>
              <a:latin typeface="ＭＳ 明朝" panose="02020609040205080304" pitchFamily="17" charset="-128"/>
              <a:ea typeface="ＭＳ 明朝" panose="02020609040205080304" pitchFamily="17" charset="-128"/>
            </a:endParaRPr>
          </a:p>
          <a:p>
            <a:endParaRPr lang="ja-JP" altLang="ja-JP" sz="1400">
              <a:solidFill>
                <a:schemeClr val="tx1"/>
              </a:solidFill>
              <a:effectLst/>
              <a:latin typeface="ＭＳ 明朝" panose="02020609040205080304" pitchFamily="17" charset="-128"/>
              <a:ea typeface="ＭＳ 明朝" panose="02020609040205080304" pitchFamily="17" charset="-128"/>
            </a:endParaRPr>
          </a:p>
          <a:p>
            <a:pPr algn="l"/>
            <a:endParaRPr kumimoji="1" lang="ja-JP" altLang="en-US" sz="1400">
              <a:solidFill>
                <a:schemeClr val="tx1"/>
              </a:solidFill>
              <a:latin typeface="ＭＳ 明朝" panose="02020609040205080304" pitchFamily="17" charset="-128"/>
              <a:ea typeface="ＭＳ 明朝" panose="02020609040205080304" pitchFamily="17" charset="-128"/>
            </a:endParaRPr>
          </a:p>
        </xdr:txBody>
      </xdr:sp>
    </xdr:grpSp>
    <xdr:clientData/>
  </xdr:twoCellAnchor>
  <xdr:twoCellAnchor>
    <xdr:from>
      <xdr:col>8</xdr:col>
      <xdr:colOff>666751</xdr:colOff>
      <xdr:row>7</xdr:row>
      <xdr:rowOff>3</xdr:rowOff>
    </xdr:from>
    <xdr:to>
      <xdr:col>11</xdr:col>
      <xdr:colOff>742950</xdr:colOff>
      <xdr:row>28</xdr:row>
      <xdr:rowOff>142875</xdr:rowOff>
    </xdr:to>
    <xdr:grpSp>
      <xdr:nvGrpSpPr>
        <xdr:cNvPr id="34" name="グループ化 33"/>
        <xdr:cNvGrpSpPr/>
      </xdr:nvGrpSpPr>
      <xdr:grpSpPr>
        <a:xfrm>
          <a:off x="8343901" y="2867028"/>
          <a:ext cx="4067174" cy="8143872"/>
          <a:chOff x="2420804" y="247653"/>
          <a:chExt cx="4030114" cy="7599775"/>
        </a:xfrm>
      </xdr:grpSpPr>
      <xdr:sp macro="" textlink="">
        <xdr:nvSpPr>
          <xdr:cNvPr id="35" name="右大かっこ 34"/>
          <xdr:cNvSpPr/>
        </xdr:nvSpPr>
        <xdr:spPr>
          <a:xfrm rot="5400000">
            <a:off x="5173320" y="1336"/>
            <a:ext cx="276225" cy="768859"/>
          </a:xfrm>
          <a:prstGeom prst="rightBracket">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400"/>
          </a:p>
        </xdr:txBody>
      </xdr:sp>
      <xdr:cxnSp macro="">
        <xdr:nvCxnSpPr>
          <xdr:cNvPr id="36" name="直線コネクタ 35"/>
          <xdr:cNvCxnSpPr>
            <a:stCxn id="35" idx="2"/>
            <a:endCxn id="37" idx="0"/>
          </xdr:cNvCxnSpPr>
        </xdr:nvCxnSpPr>
        <xdr:spPr>
          <a:xfrm flipH="1">
            <a:off x="4435861" y="523879"/>
            <a:ext cx="875571" cy="6123399"/>
          </a:xfrm>
          <a:prstGeom prst="line">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cxnSp>
      <xdr:sp macro="" textlink="">
        <xdr:nvSpPr>
          <xdr:cNvPr id="37" name="正方形/長方形 36"/>
          <xdr:cNvSpPr/>
        </xdr:nvSpPr>
        <xdr:spPr>
          <a:xfrm>
            <a:off x="2420804" y="6647277"/>
            <a:ext cx="4030114" cy="1200151"/>
          </a:xfrm>
          <a:prstGeom prst="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〇接種順位</a:t>
            </a: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65</a:t>
            </a:r>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歳以上の方は「高齢者」、</a:t>
            </a: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65</a:t>
            </a:r>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歳未満で基礎疾患のある方は「基礎疾患」、</a:t>
            </a: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上記に該当しない方は「一般」</a:t>
            </a: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を選択してください。</a:t>
            </a:r>
            <a:endParaRPr lang="ja-JP" altLang="ja-JP" sz="1400">
              <a:solidFill>
                <a:schemeClr val="tx1"/>
              </a:solidFill>
              <a:effectLst/>
              <a:latin typeface="ＭＳ 明朝" panose="02020609040205080304" pitchFamily="17" charset="-128"/>
              <a:ea typeface="ＭＳ 明朝" panose="02020609040205080304" pitchFamily="17" charset="-128"/>
            </a:endParaRPr>
          </a:p>
          <a:p>
            <a:pPr algn="l"/>
            <a:endParaRPr kumimoji="1" lang="ja-JP" altLang="en-US" sz="1400">
              <a:solidFill>
                <a:schemeClr val="tx1"/>
              </a:solidFill>
              <a:latin typeface="ＭＳ 明朝" panose="02020609040205080304" pitchFamily="17" charset="-128"/>
              <a:ea typeface="ＭＳ 明朝" panose="02020609040205080304" pitchFamily="17" charset="-128"/>
            </a:endParaRPr>
          </a:p>
        </xdr:txBody>
      </xdr:sp>
    </xdr:grpSp>
    <xdr:clientData/>
  </xdr:twoCellAnchor>
  <xdr:twoCellAnchor>
    <xdr:from>
      <xdr:col>10</xdr:col>
      <xdr:colOff>304799</xdr:colOff>
      <xdr:row>6</xdr:row>
      <xdr:rowOff>47628</xdr:rowOff>
    </xdr:from>
    <xdr:to>
      <xdr:col>14</xdr:col>
      <xdr:colOff>152400</xdr:colOff>
      <xdr:row>24</xdr:row>
      <xdr:rowOff>104775</xdr:rowOff>
    </xdr:to>
    <xdr:grpSp>
      <xdr:nvGrpSpPr>
        <xdr:cNvPr id="44" name="グループ化 43"/>
        <xdr:cNvGrpSpPr/>
      </xdr:nvGrpSpPr>
      <xdr:grpSpPr>
        <a:xfrm>
          <a:off x="11163299" y="2533653"/>
          <a:ext cx="4086226" cy="6915147"/>
          <a:chOff x="4383950" y="247653"/>
          <a:chExt cx="4048993" cy="6915147"/>
        </a:xfrm>
      </xdr:grpSpPr>
      <xdr:sp macro="" textlink="">
        <xdr:nvSpPr>
          <xdr:cNvPr id="45" name="右大かっこ 44"/>
          <xdr:cNvSpPr/>
        </xdr:nvSpPr>
        <xdr:spPr>
          <a:xfrm rot="5400000">
            <a:off x="5229948" y="-55293"/>
            <a:ext cx="276225" cy="882117"/>
          </a:xfrm>
          <a:prstGeom prst="rightBracket">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400"/>
          </a:p>
        </xdr:txBody>
      </xdr:sp>
      <xdr:cxnSp macro="">
        <xdr:nvCxnSpPr>
          <xdr:cNvPr id="46" name="直線コネクタ 45"/>
          <xdr:cNvCxnSpPr>
            <a:stCxn id="45" idx="2"/>
          </xdr:cNvCxnSpPr>
        </xdr:nvCxnSpPr>
        <xdr:spPr>
          <a:xfrm flipH="1">
            <a:off x="4752041" y="523878"/>
            <a:ext cx="616019" cy="5410197"/>
          </a:xfrm>
          <a:prstGeom prst="line">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cxnSp>
      <xdr:sp macro="" textlink="">
        <xdr:nvSpPr>
          <xdr:cNvPr id="47" name="正方形/長方形 46"/>
          <xdr:cNvSpPr/>
        </xdr:nvSpPr>
        <xdr:spPr>
          <a:xfrm>
            <a:off x="4383950" y="5962649"/>
            <a:ext cx="4048993" cy="1200151"/>
          </a:xfrm>
          <a:prstGeom prst="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〇施設が住民票所在地である</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グループホームの住所と同一所在地に住民票がある場合は「〇」を選択し、異なる場合は「</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a:t>
            </a:r>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を選択してください。</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xdr:txBody>
      </xdr:sp>
    </xdr:grpSp>
    <xdr:clientData/>
  </xdr:twoCellAnchor>
  <xdr:twoCellAnchor>
    <xdr:from>
      <xdr:col>12</xdr:col>
      <xdr:colOff>76198</xdr:colOff>
      <xdr:row>5</xdr:row>
      <xdr:rowOff>28580</xdr:rowOff>
    </xdr:from>
    <xdr:to>
      <xdr:col>15</xdr:col>
      <xdr:colOff>28575</xdr:colOff>
      <xdr:row>20</xdr:row>
      <xdr:rowOff>133351</xdr:rowOff>
    </xdr:to>
    <xdr:grpSp>
      <xdr:nvGrpSpPr>
        <xdr:cNvPr id="50" name="グループ化 49"/>
        <xdr:cNvGrpSpPr/>
      </xdr:nvGrpSpPr>
      <xdr:grpSpPr>
        <a:xfrm>
          <a:off x="12687298" y="2133605"/>
          <a:ext cx="5191127" cy="5819771"/>
          <a:chOff x="4327321" y="200030"/>
          <a:chExt cx="4870118" cy="5819771"/>
        </a:xfrm>
      </xdr:grpSpPr>
      <xdr:sp macro="" textlink="">
        <xdr:nvSpPr>
          <xdr:cNvPr id="51" name="右大かっこ 50"/>
          <xdr:cNvSpPr/>
        </xdr:nvSpPr>
        <xdr:spPr>
          <a:xfrm rot="5400000">
            <a:off x="5752843" y="-314351"/>
            <a:ext cx="276225" cy="1304987"/>
          </a:xfrm>
          <a:prstGeom prst="rightBracket">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400"/>
          </a:p>
        </xdr:txBody>
      </xdr:sp>
      <xdr:cxnSp macro="">
        <xdr:nvCxnSpPr>
          <xdr:cNvPr id="52" name="直線コネクタ 51"/>
          <xdr:cNvCxnSpPr>
            <a:endCxn id="53" idx="0"/>
          </xdr:cNvCxnSpPr>
        </xdr:nvCxnSpPr>
        <xdr:spPr>
          <a:xfrm>
            <a:off x="6007290" y="504825"/>
            <a:ext cx="755091" cy="4133850"/>
          </a:xfrm>
          <a:prstGeom prst="line">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cxnSp>
      <xdr:sp macro="" textlink="">
        <xdr:nvSpPr>
          <xdr:cNvPr id="53" name="正方形/長方形 52"/>
          <xdr:cNvSpPr/>
        </xdr:nvSpPr>
        <xdr:spPr>
          <a:xfrm>
            <a:off x="4327321" y="4638675"/>
            <a:ext cx="4870118" cy="1381126"/>
          </a:xfrm>
          <a:prstGeom prst="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〇住民票所在地（市区町村）</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左記で、「</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a:t>
            </a:r>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を選択した場合は、住民票のある市区町村を入力してください。</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a:t>
            </a:r>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政令市の場合は、区名まで入力（○○市△△区）</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a:t>
            </a:r>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町村の場合は、群から入力（〇〇群□□町）</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xdr:txBody>
      </xdr:sp>
    </xdr:grpSp>
    <xdr:clientData/>
  </xdr:twoCellAnchor>
  <xdr:twoCellAnchor>
    <xdr:from>
      <xdr:col>11</xdr:col>
      <xdr:colOff>409574</xdr:colOff>
      <xdr:row>6</xdr:row>
      <xdr:rowOff>47628</xdr:rowOff>
    </xdr:from>
    <xdr:to>
      <xdr:col>13</xdr:col>
      <xdr:colOff>1009650</xdr:colOff>
      <xdr:row>16</xdr:row>
      <xdr:rowOff>57151</xdr:rowOff>
    </xdr:to>
    <xdr:grpSp>
      <xdr:nvGrpSpPr>
        <xdr:cNvPr id="63" name="グループ化 62"/>
        <xdr:cNvGrpSpPr/>
      </xdr:nvGrpSpPr>
      <xdr:grpSpPr>
        <a:xfrm>
          <a:off x="12077699" y="2533653"/>
          <a:ext cx="2486026" cy="3819523"/>
          <a:chOff x="4365073" y="257178"/>
          <a:chExt cx="3756408" cy="3819523"/>
        </a:xfrm>
      </xdr:grpSpPr>
      <xdr:sp macro="" textlink="">
        <xdr:nvSpPr>
          <xdr:cNvPr id="64" name="右大かっこ 63"/>
          <xdr:cNvSpPr/>
        </xdr:nvSpPr>
        <xdr:spPr>
          <a:xfrm rot="5400000">
            <a:off x="5760060" y="-244857"/>
            <a:ext cx="276225" cy="1280295"/>
          </a:xfrm>
          <a:prstGeom prst="rightBracket">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400"/>
          </a:p>
        </xdr:txBody>
      </xdr:sp>
      <xdr:cxnSp macro="">
        <xdr:nvCxnSpPr>
          <xdr:cNvPr id="65" name="直線コネクタ 64"/>
          <xdr:cNvCxnSpPr>
            <a:stCxn id="64" idx="2"/>
            <a:endCxn id="66" idx="0"/>
          </xdr:cNvCxnSpPr>
        </xdr:nvCxnSpPr>
        <xdr:spPr>
          <a:xfrm>
            <a:off x="5898172" y="533403"/>
            <a:ext cx="345105" cy="1066798"/>
          </a:xfrm>
          <a:prstGeom prst="line">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cxnSp>
      <xdr:sp macro="" textlink="">
        <xdr:nvSpPr>
          <xdr:cNvPr id="66" name="正方形/長方形 65"/>
          <xdr:cNvSpPr/>
        </xdr:nvSpPr>
        <xdr:spPr>
          <a:xfrm>
            <a:off x="4365073" y="1600201"/>
            <a:ext cx="3756408" cy="2476500"/>
          </a:xfrm>
          <a:prstGeom prst="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〇接種券回収の可否</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　グループホームと異なる所在地に住民票がある場合に、家族等に連絡を取り、接種券を回収することができる場合は「〇」、家族等と連絡が取れないなど接種券の回収ができない場合は「</a:t>
            </a:r>
            <a:r>
              <a:rPr kumimoji="1" lang="en-US" altLang="ja-JP" sz="1400">
                <a:solidFill>
                  <a:schemeClr val="tx1"/>
                </a:solidFill>
                <a:effectLst/>
                <a:latin typeface="ＭＳ 明朝" panose="02020609040205080304" pitchFamily="17" charset="-128"/>
                <a:ea typeface="ＭＳ 明朝" panose="02020609040205080304" pitchFamily="17" charset="-128"/>
                <a:cs typeface="+mn-cs"/>
              </a:rPr>
              <a:t>×</a:t>
            </a:r>
            <a:r>
              <a:rPr kumimoji="1" lang="ja-JP" altLang="en-US" sz="1400">
                <a:solidFill>
                  <a:schemeClr val="tx1"/>
                </a:solidFill>
                <a:effectLst/>
                <a:latin typeface="ＭＳ 明朝" panose="02020609040205080304" pitchFamily="17" charset="-128"/>
                <a:ea typeface="ＭＳ 明朝" panose="02020609040205080304" pitchFamily="17" charset="-128"/>
                <a:cs typeface="+mn-cs"/>
              </a:rPr>
              <a:t>」を選択してください。</a:t>
            </a:r>
            <a:endParaRPr kumimoji="1" lang="en-US" altLang="ja-JP" sz="1400">
              <a:solidFill>
                <a:schemeClr val="tx1"/>
              </a:solidFill>
              <a:effectLst/>
              <a:latin typeface="ＭＳ 明朝" panose="02020609040205080304" pitchFamily="17" charset="-128"/>
              <a:ea typeface="ＭＳ 明朝" panose="02020609040205080304" pitchFamily="17" charset="-128"/>
              <a:cs typeface="+mn-cs"/>
            </a:endParaRPr>
          </a:p>
        </xdr:txBody>
      </xdr:sp>
    </xdr:grpSp>
    <xdr:clientData/>
  </xdr:twoCellAnchor>
  <xdr:twoCellAnchor>
    <xdr:from>
      <xdr:col>14</xdr:col>
      <xdr:colOff>167043</xdr:colOff>
      <xdr:row>9</xdr:row>
      <xdr:rowOff>38104</xdr:rowOff>
    </xdr:from>
    <xdr:to>
      <xdr:col>20</xdr:col>
      <xdr:colOff>361950</xdr:colOff>
      <xdr:row>26</xdr:row>
      <xdr:rowOff>361950</xdr:rowOff>
    </xdr:to>
    <xdr:grpSp>
      <xdr:nvGrpSpPr>
        <xdr:cNvPr id="68" name="グループ化 67"/>
        <xdr:cNvGrpSpPr/>
      </xdr:nvGrpSpPr>
      <xdr:grpSpPr>
        <a:xfrm>
          <a:off x="15264168" y="3667129"/>
          <a:ext cx="8738832" cy="6800846"/>
          <a:chOff x="4753462" y="-28571"/>
          <a:chExt cx="8379710" cy="4810121"/>
        </a:xfrm>
      </xdr:grpSpPr>
      <xdr:sp macro="" textlink="">
        <xdr:nvSpPr>
          <xdr:cNvPr id="69" name="右大かっこ 68"/>
          <xdr:cNvSpPr/>
        </xdr:nvSpPr>
        <xdr:spPr>
          <a:xfrm rot="5400000">
            <a:off x="5792589" y="-1067698"/>
            <a:ext cx="276225" cy="2354479"/>
          </a:xfrm>
          <a:prstGeom prst="rightBracket">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xnSp macro="">
        <xdr:nvCxnSpPr>
          <xdr:cNvPr id="70" name="直線コネクタ 69"/>
          <xdr:cNvCxnSpPr>
            <a:stCxn id="69" idx="2"/>
            <a:endCxn id="71" idx="0"/>
          </xdr:cNvCxnSpPr>
        </xdr:nvCxnSpPr>
        <xdr:spPr>
          <a:xfrm>
            <a:off x="5930701" y="247654"/>
            <a:ext cx="4385164" cy="1343019"/>
          </a:xfrm>
          <a:prstGeom prst="line">
            <a:avLst/>
          </a:prstGeom>
          <a:ln w="38100">
            <a:solidFill>
              <a:srgbClr val="FF0000"/>
            </a:solidFill>
          </a:ln>
        </xdr:spPr>
        <xdr:style>
          <a:lnRef idx="1">
            <a:schemeClr val="accent1"/>
          </a:lnRef>
          <a:fillRef idx="0">
            <a:schemeClr val="accent1"/>
          </a:fillRef>
          <a:effectRef idx="0">
            <a:schemeClr val="accent1"/>
          </a:effectRef>
          <a:fontRef idx="minor">
            <a:schemeClr val="tx1"/>
          </a:fontRef>
        </xdr:style>
      </xdr:cxnSp>
      <xdr:sp macro="" textlink="">
        <xdr:nvSpPr>
          <xdr:cNvPr id="71" name="正方形/長方形 70"/>
          <xdr:cNvSpPr/>
        </xdr:nvSpPr>
        <xdr:spPr>
          <a:xfrm>
            <a:off x="7498558" y="1590673"/>
            <a:ext cx="5634614" cy="3190877"/>
          </a:xfrm>
          <a:prstGeom prst="rect">
            <a:avLst/>
          </a:prstGeom>
          <a:solidFill>
            <a:schemeClr val="bg1"/>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〇接種方法等</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　現時点で予定されている接種方法を選択してください。</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　（平時の定期接種の接種形態を基本とします。）</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　　・名古屋市が設置する接種会場で接種</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　　・かかりつけ医、協力医療機関等で接種</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　　・嘱託医等による施設内接種が可能</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　　・接種医師を確保し巡回接種が可能</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　　・名古屋市による接種医の派遣調整を希望（</a:t>
            </a:r>
            <a:r>
              <a:rPr kumimoji="1" lang="en-US" altLang="ja-JP" sz="1200">
                <a:solidFill>
                  <a:schemeClr val="tx1"/>
                </a:solidFill>
                <a:effectLst/>
                <a:latin typeface="ＭＳ 明朝" panose="02020609040205080304" pitchFamily="17" charset="-128"/>
                <a:ea typeface="ＭＳ 明朝" panose="02020609040205080304" pitchFamily="17" charset="-128"/>
                <a:cs typeface="+mn-cs"/>
              </a:rPr>
              <a:t>※</a:t>
            </a:r>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a:t>
            </a:r>
            <a:r>
              <a:rPr kumimoji="1" lang="en-US" altLang="ja-JP" sz="1200">
                <a:solidFill>
                  <a:schemeClr val="tx1"/>
                </a:solidFill>
                <a:effectLst/>
                <a:latin typeface="ＭＳ 明朝" panose="02020609040205080304" pitchFamily="17" charset="-128"/>
                <a:ea typeface="ＭＳ 明朝" panose="02020609040205080304" pitchFamily="17" charset="-128"/>
                <a:cs typeface="+mn-cs"/>
              </a:rPr>
              <a:t>※</a:t>
            </a:r>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接種医が決まっていない施設等のうち、希望する施設等については、本市において、施設等での接種が可能な医師とのマッチングを行います。マッチングを希望した施設等に対しては、</a:t>
            </a:r>
            <a:r>
              <a:rPr kumimoji="1" lang="en-US" altLang="ja-JP" sz="1200">
                <a:solidFill>
                  <a:schemeClr val="tx1"/>
                </a:solidFill>
                <a:effectLst/>
                <a:latin typeface="ＭＳ 明朝" panose="02020609040205080304" pitchFamily="17" charset="-128"/>
                <a:ea typeface="ＭＳ 明朝" panose="02020609040205080304" pitchFamily="17" charset="-128"/>
                <a:cs typeface="+mn-cs"/>
              </a:rPr>
              <a:t>6</a:t>
            </a:r>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月上旬までを目途に名古屋市が接種医を紹介します。その後の調整につきましては、直接接種医と行ってください。</a:t>
            </a:r>
          </a:p>
          <a:p>
            <a:r>
              <a:rPr kumimoji="1" lang="ja-JP" altLang="en-US" sz="1200">
                <a:solidFill>
                  <a:schemeClr val="tx1"/>
                </a:solidFill>
                <a:effectLst/>
                <a:latin typeface="ＭＳ 明朝" panose="02020609040205080304" pitchFamily="17" charset="-128"/>
                <a:ea typeface="ＭＳ 明朝" panose="02020609040205080304" pitchFamily="17" charset="-128"/>
                <a:cs typeface="+mn-cs"/>
              </a:rPr>
              <a:t>（注）施設等の嘱託医等が新型コロナワクチンの接種をすることができない場合でも、それ以外に施設等と日ごろから関係のある市内の医療機関等の医師に依頼する等、接種医の確保に努めていただくようお願いいたします。なお、市外の医療機関が嘱託医等である場合、本市からのワクチン配分の対象外となるため、本市の接種スケジュールに合わせていたただく場合には、上記のとおり日ごろから関係のある市内の医療機関等の医師に依頼いただくか、市による接種医の派遣調整を選択いただくこととなります。</a:t>
            </a:r>
            <a:endParaRPr kumimoji="1" lang="en-US" altLang="ja-JP" sz="1200">
              <a:solidFill>
                <a:schemeClr val="tx1"/>
              </a:solidFill>
              <a:effectLst/>
              <a:latin typeface="ＭＳ 明朝" panose="02020609040205080304" pitchFamily="17" charset="-128"/>
              <a:ea typeface="ＭＳ 明朝" panose="02020609040205080304" pitchFamily="17" charset="-128"/>
              <a:cs typeface="+mn-cs"/>
            </a:endParaRPr>
          </a:p>
        </xdr:txBody>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bg1"/>
        </a:solidFill>
        <a:ln w="38100">
          <a:solidFill>
            <a:srgbClr val="FF0000"/>
          </a:solidFill>
        </a:ln>
      </a:spPr>
      <a:bodyPr vertOverflow="clip" horzOverflow="clip" rtlCol="0" anchor="t"/>
      <a:lstStyle>
        <a:defPPr algn="l">
          <a:defRPr kumimoji="1" sz="110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AR204"/>
  <sheetViews>
    <sheetView tabSelected="1" view="pageBreakPreview" zoomScaleNormal="100" zoomScaleSheetLayoutView="100" workbookViewId="0">
      <pane xSplit="1" ySplit="4" topLeftCell="B5" activePane="bottomRight" state="frozen"/>
      <selection pane="topRight" activeCell="B1" sqref="B1"/>
      <selection pane="bottomLeft" activeCell="A5" sqref="A5"/>
      <selection pane="bottomRight" activeCell="H8" sqref="H8"/>
    </sheetView>
  </sheetViews>
  <sheetFormatPr defaultColWidth="14.5" defaultRowHeight="39" customHeight="1" x14ac:dyDescent="0.4"/>
  <cols>
    <col min="1" max="1" width="7.625" style="22" customWidth="1"/>
    <col min="2" max="5" width="11.625" style="2" customWidth="1"/>
    <col min="6" max="6" width="20.625" style="23" customWidth="1"/>
    <col min="7" max="7" width="8.5" style="2" bestFit="1" customWidth="1"/>
    <col min="8" max="8" width="15.5" style="2" customWidth="1"/>
    <col min="9" max="9" width="19" style="3" bestFit="1" customWidth="1"/>
    <col min="10" max="10" width="22.75" style="2" bestFit="1" customWidth="1"/>
    <col min="11" max="11" width="10.625" style="4" bestFit="1" customWidth="1"/>
    <col min="12" max="13" width="12.375" style="4" customWidth="1"/>
    <col min="14" max="14" width="20.25" style="4" customWidth="1"/>
    <col min="15" max="15" width="38.25" style="2" bestFit="1" customWidth="1"/>
    <col min="16" max="16" width="20.5" style="2" customWidth="1"/>
    <col min="17" max="17" width="17.625" style="3" customWidth="1"/>
    <col min="18" max="18" width="18.625" style="3" customWidth="1"/>
    <col min="19" max="19" width="10.125" style="3" customWidth="1"/>
    <col min="20" max="20" width="9" style="3" bestFit="1" customWidth="1"/>
    <col min="21" max="21" width="13" style="3" bestFit="1" customWidth="1"/>
    <col min="22" max="22" width="9" style="3" bestFit="1" customWidth="1"/>
    <col min="23" max="23" width="13" style="3" bestFit="1" customWidth="1"/>
    <col min="24" max="24" width="17.375" style="3" bestFit="1" customWidth="1"/>
    <col min="25" max="25" width="10.125" style="3" customWidth="1"/>
    <col min="26" max="26" width="9" style="3" bestFit="1" customWidth="1"/>
    <col min="27" max="27" width="13" style="3" bestFit="1" customWidth="1"/>
    <col min="28" max="28" width="9" style="3" bestFit="1" customWidth="1"/>
    <col min="29" max="29" width="13" style="3" bestFit="1" customWidth="1"/>
    <col min="30" max="30" width="14.5" style="2"/>
    <col min="31" max="36" width="14.5" style="5" customWidth="1"/>
    <col min="37" max="37" width="86.625" style="5" customWidth="1"/>
    <col min="38" max="38" width="3.375" style="5" customWidth="1"/>
    <col min="39" max="41" width="14.5" style="5" customWidth="1"/>
    <col min="42" max="42" width="15.75" style="5" customWidth="1"/>
    <col min="43" max="43" width="14.5" style="3"/>
    <col min="44" max="16384" width="14.5" style="5"/>
  </cols>
  <sheetData>
    <row r="1" spans="1:44" ht="39" customHeight="1" x14ac:dyDescent="0.4">
      <c r="A1" s="1" t="s">
        <v>5378</v>
      </c>
      <c r="F1" s="3"/>
    </row>
    <row r="2" spans="1:44" ht="14.25" x14ac:dyDescent="0.4">
      <c r="A2" s="1"/>
      <c r="F2" s="6">
        <v>44652</v>
      </c>
    </row>
    <row r="3" spans="1:44" ht="25.5" customHeight="1" x14ac:dyDescent="0.4">
      <c r="A3" s="62" t="s">
        <v>5305</v>
      </c>
      <c r="B3" s="67" t="s">
        <v>5385</v>
      </c>
      <c r="C3" s="68"/>
      <c r="D3" s="68"/>
      <c r="E3" s="68"/>
      <c r="F3" s="68"/>
      <c r="G3" s="68"/>
      <c r="H3" s="68"/>
      <c r="I3" s="68"/>
      <c r="J3" s="68"/>
      <c r="K3" s="68"/>
      <c r="L3" s="68"/>
      <c r="M3" s="68"/>
      <c r="N3" s="68"/>
      <c r="O3" s="68"/>
      <c r="P3" s="68"/>
      <c r="Q3" s="69"/>
      <c r="R3" s="64" t="s">
        <v>5313</v>
      </c>
      <c r="S3" s="65"/>
      <c r="T3" s="65"/>
      <c r="U3" s="65"/>
      <c r="V3" s="65"/>
      <c r="W3" s="65"/>
      <c r="X3" s="61" t="s">
        <v>5314</v>
      </c>
      <c r="Y3" s="61"/>
      <c r="Z3" s="61"/>
      <c r="AA3" s="61"/>
      <c r="AB3" s="61"/>
      <c r="AC3" s="61"/>
      <c r="AD3" s="57" t="s">
        <v>5319</v>
      </c>
      <c r="AK3" s="5" t="s">
        <v>5323</v>
      </c>
      <c r="AL3" s="5" t="s">
        <v>5315</v>
      </c>
      <c r="AM3" s="5" t="s">
        <v>5316</v>
      </c>
      <c r="AN3" s="5" t="s">
        <v>5317</v>
      </c>
      <c r="AO3" s="5" t="s">
        <v>5333</v>
      </c>
      <c r="AP3" s="7" t="s">
        <v>5335</v>
      </c>
      <c r="AQ3" s="8"/>
      <c r="AR3" s="9">
        <f>COUNTA(B5:B204)</f>
        <v>0</v>
      </c>
    </row>
    <row r="4" spans="1:44" ht="42.75" x14ac:dyDescent="0.4">
      <c r="A4" s="63"/>
      <c r="B4" s="59" t="s">
        <v>5346</v>
      </c>
      <c r="C4" s="66"/>
      <c r="D4" s="59" t="s">
        <v>5332</v>
      </c>
      <c r="E4" s="60"/>
      <c r="F4" s="10" t="s">
        <v>5330</v>
      </c>
      <c r="G4" s="10" t="s">
        <v>5345</v>
      </c>
      <c r="H4" s="10" t="s">
        <v>5375</v>
      </c>
      <c r="I4" s="10" t="s">
        <v>5347</v>
      </c>
      <c r="J4" s="10" t="s">
        <v>5348</v>
      </c>
      <c r="K4" s="11" t="s">
        <v>5349</v>
      </c>
      <c r="L4" s="11" t="s">
        <v>5386</v>
      </c>
      <c r="M4" s="11" t="s">
        <v>5353</v>
      </c>
      <c r="N4" s="11" t="s">
        <v>5370</v>
      </c>
      <c r="O4" s="10" t="s">
        <v>5366</v>
      </c>
      <c r="P4" s="10" t="s">
        <v>5354</v>
      </c>
      <c r="Q4" s="53" t="s">
        <v>5355</v>
      </c>
      <c r="R4" s="51" t="s">
        <v>5308</v>
      </c>
      <c r="S4" s="12" t="s">
        <v>5310</v>
      </c>
      <c r="T4" s="12" t="s">
        <v>5307</v>
      </c>
      <c r="U4" s="12" t="s">
        <v>5312</v>
      </c>
      <c r="V4" s="12" t="s">
        <v>5311</v>
      </c>
      <c r="W4" s="12" t="s">
        <v>5306</v>
      </c>
      <c r="X4" s="13" t="s">
        <v>5309</v>
      </c>
      <c r="Y4" s="13" t="s">
        <v>5310</v>
      </c>
      <c r="Z4" s="13" t="s">
        <v>5307</v>
      </c>
      <c r="AA4" s="13" t="s">
        <v>5312</v>
      </c>
      <c r="AB4" s="13" t="s">
        <v>5311</v>
      </c>
      <c r="AC4" s="13" t="s">
        <v>5306</v>
      </c>
      <c r="AD4" s="58"/>
      <c r="AK4" s="5" t="s">
        <v>5324</v>
      </c>
      <c r="AL4" s="5" t="s">
        <v>5322</v>
      </c>
      <c r="AN4" s="5" t="s">
        <v>5318</v>
      </c>
      <c r="AO4" s="5" t="s">
        <v>5334</v>
      </c>
      <c r="AP4" s="55" t="s">
        <v>5344</v>
      </c>
      <c r="AQ4" s="14" t="s">
        <v>5336</v>
      </c>
      <c r="AR4" s="7">
        <f>COUNTIF(L5:L204,"○")</f>
        <v>0</v>
      </c>
    </row>
    <row r="5" spans="1:44" ht="24.95" customHeight="1" x14ac:dyDescent="0.4">
      <c r="A5" s="15">
        <v>1</v>
      </c>
      <c r="B5" s="16"/>
      <c r="C5" s="44"/>
      <c r="D5" s="16"/>
      <c r="E5" s="44"/>
      <c r="F5" s="18"/>
      <c r="G5" s="19" t="str">
        <f>IF(F5="","",DATEDIF(F5,$F$2,"Y"))</f>
        <v/>
      </c>
      <c r="H5" s="19"/>
      <c r="I5" s="14"/>
      <c r="J5" s="14"/>
      <c r="K5" s="20"/>
      <c r="L5" s="20"/>
      <c r="M5" s="20"/>
      <c r="N5" s="20"/>
      <c r="O5" s="14"/>
      <c r="P5" s="21"/>
      <c r="Q5" s="54"/>
      <c r="R5" s="52"/>
      <c r="S5" s="14"/>
      <c r="T5" s="14"/>
      <c r="U5" s="14"/>
      <c r="V5" s="14"/>
      <c r="W5" s="14"/>
      <c r="X5" s="18"/>
      <c r="Y5" s="14"/>
      <c r="Z5" s="14"/>
      <c r="AA5" s="14"/>
      <c r="AB5" s="14"/>
      <c r="AC5" s="14"/>
      <c r="AD5" s="21"/>
      <c r="AK5" s="5" t="s">
        <v>5325</v>
      </c>
      <c r="AP5" s="56"/>
      <c r="AQ5" s="14" t="s">
        <v>5337</v>
      </c>
      <c r="AR5" s="7">
        <f>COUNTIF(L5:L205,"×")</f>
        <v>0</v>
      </c>
    </row>
    <row r="6" spans="1:44" ht="24.95" customHeight="1" x14ac:dyDescent="0.4">
      <c r="A6" s="15">
        <v>2</v>
      </c>
      <c r="B6" s="16"/>
      <c r="C6" s="44"/>
      <c r="D6" s="16"/>
      <c r="E6" s="44"/>
      <c r="F6" s="18"/>
      <c r="G6" s="19" t="str">
        <f t="shared" ref="G6:G34" si="0">IF(F6="","",DATEDIF(F6,$F$2,"Y"))</f>
        <v/>
      </c>
      <c r="H6" s="19"/>
      <c r="I6" s="14"/>
      <c r="J6" s="14"/>
      <c r="K6" s="20"/>
      <c r="L6" s="20"/>
      <c r="M6" s="20"/>
      <c r="N6" s="20"/>
      <c r="O6" s="14"/>
      <c r="P6" s="21"/>
      <c r="Q6" s="54"/>
      <c r="R6" s="52"/>
      <c r="S6" s="14"/>
      <c r="T6" s="14"/>
      <c r="U6" s="14"/>
      <c r="V6" s="14"/>
      <c r="W6" s="14"/>
      <c r="X6" s="18"/>
      <c r="Y6" s="14"/>
      <c r="Z6" s="14"/>
      <c r="AA6" s="14"/>
      <c r="AB6" s="14"/>
      <c r="AC6" s="14"/>
      <c r="AD6" s="21"/>
      <c r="AK6" s="5" t="s">
        <v>5331</v>
      </c>
      <c r="AP6" s="55" t="s">
        <v>5338</v>
      </c>
      <c r="AQ6" s="14" t="s">
        <v>5339</v>
      </c>
      <c r="AR6" s="7">
        <f>COUNTIF(I5:I205,"希望する")</f>
        <v>0</v>
      </c>
    </row>
    <row r="7" spans="1:44" ht="24.95" customHeight="1" x14ac:dyDescent="0.4">
      <c r="A7" s="15">
        <v>3</v>
      </c>
      <c r="B7" s="16"/>
      <c r="C7" s="44"/>
      <c r="D7" s="16"/>
      <c r="E7" s="44"/>
      <c r="F7" s="18"/>
      <c r="G7" s="19" t="str">
        <f t="shared" si="0"/>
        <v/>
      </c>
      <c r="H7" s="19"/>
      <c r="I7" s="14"/>
      <c r="J7" s="14"/>
      <c r="K7" s="20"/>
      <c r="L7" s="20"/>
      <c r="M7" s="20"/>
      <c r="N7" s="20"/>
      <c r="O7" s="14"/>
      <c r="P7" s="21"/>
      <c r="Q7" s="54"/>
      <c r="R7" s="52"/>
      <c r="S7" s="14"/>
      <c r="T7" s="14"/>
      <c r="U7" s="14"/>
      <c r="V7" s="14"/>
      <c r="W7" s="14"/>
      <c r="X7" s="18"/>
      <c r="Y7" s="14"/>
      <c r="Z7" s="14"/>
      <c r="AA7" s="14"/>
      <c r="AB7" s="14"/>
      <c r="AC7" s="14"/>
      <c r="AD7" s="21"/>
      <c r="AK7" s="5" t="s">
        <v>5326</v>
      </c>
      <c r="AP7" s="56"/>
      <c r="AQ7" s="14" t="s">
        <v>5340</v>
      </c>
      <c r="AR7" s="7">
        <f>COUNTIF(I5:I205,"希望しない")</f>
        <v>0</v>
      </c>
    </row>
    <row r="8" spans="1:44" ht="24.95" customHeight="1" x14ac:dyDescent="0.4">
      <c r="A8" s="15">
        <v>4</v>
      </c>
      <c r="B8" s="16"/>
      <c r="C8" s="44"/>
      <c r="D8" s="16"/>
      <c r="E8" s="44"/>
      <c r="F8" s="18"/>
      <c r="G8" s="19" t="str">
        <f t="shared" si="0"/>
        <v/>
      </c>
      <c r="H8" s="19"/>
      <c r="I8" s="14"/>
      <c r="J8" s="14"/>
      <c r="K8" s="20"/>
      <c r="L8" s="20"/>
      <c r="M8" s="20"/>
      <c r="N8" s="20"/>
      <c r="O8" s="14"/>
      <c r="P8" s="21"/>
      <c r="Q8" s="54"/>
      <c r="R8" s="52"/>
      <c r="S8" s="14"/>
      <c r="T8" s="14"/>
      <c r="U8" s="14"/>
      <c r="V8" s="14"/>
      <c r="W8" s="14"/>
      <c r="X8" s="18"/>
      <c r="Y8" s="14"/>
      <c r="Z8" s="14"/>
      <c r="AA8" s="14"/>
      <c r="AB8" s="14"/>
      <c r="AC8" s="14"/>
      <c r="AD8" s="21"/>
      <c r="AK8" s="5" t="s">
        <v>5327</v>
      </c>
      <c r="AP8" s="55" t="s">
        <v>5341</v>
      </c>
      <c r="AQ8" s="14" t="s">
        <v>5342</v>
      </c>
      <c r="AR8" s="7" t="e">
        <f>COUNTIF(#REF!,"施設内")</f>
        <v>#REF!</v>
      </c>
    </row>
    <row r="9" spans="1:44" ht="24.95" customHeight="1" x14ac:dyDescent="0.4">
      <c r="A9" s="15">
        <v>5</v>
      </c>
      <c r="B9" s="16"/>
      <c r="C9" s="44"/>
      <c r="D9" s="16"/>
      <c r="E9" s="44"/>
      <c r="F9" s="18"/>
      <c r="G9" s="19" t="str">
        <f t="shared" si="0"/>
        <v/>
      </c>
      <c r="H9" s="19"/>
      <c r="I9" s="14"/>
      <c r="J9" s="14"/>
      <c r="K9" s="20"/>
      <c r="L9" s="20"/>
      <c r="M9" s="20"/>
      <c r="N9" s="20"/>
      <c r="O9" s="14"/>
      <c r="P9" s="21"/>
      <c r="Q9" s="54"/>
      <c r="R9" s="52"/>
      <c r="S9" s="14"/>
      <c r="T9" s="14"/>
      <c r="U9" s="14"/>
      <c r="V9" s="14"/>
      <c r="W9" s="14"/>
      <c r="X9" s="18"/>
      <c r="Y9" s="14"/>
      <c r="Z9" s="14"/>
      <c r="AA9" s="14"/>
      <c r="AB9" s="14"/>
      <c r="AC9" s="14"/>
      <c r="AD9" s="21"/>
      <c r="AK9" s="5" t="s">
        <v>5328</v>
      </c>
      <c r="AP9" s="56"/>
      <c r="AQ9" s="14" t="s">
        <v>5343</v>
      </c>
      <c r="AR9" s="7" t="e">
        <f>COUNTIF(#REF!,"施設外")</f>
        <v>#REF!</v>
      </c>
    </row>
    <row r="10" spans="1:44" ht="24.95" customHeight="1" x14ac:dyDescent="0.4">
      <c r="A10" s="15">
        <v>6</v>
      </c>
      <c r="B10" s="16"/>
      <c r="C10" s="44"/>
      <c r="D10" s="16"/>
      <c r="E10" s="44"/>
      <c r="F10" s="18"/>
      <c r="G10" s="19" t="str">
        <f t="shared" si="0"/>
        <v/>
      </c>
      <c r="H10" s="19"/>
      <c r="I10" s="14"/>
      <c r="J10" s="14"/>
      <c r="K10" s="20"/>
      <c r="L10" s="20"/>
      <c r="M10" s="20"/>
      <c r="N10" s="20"/>
      <c r="O10" s="14"/>
      <c r="P10" s="21"/>
      <c r="Q10" s="54"/>
      <c r="R10" s="52"/>
      <c r="S10" s="14"/>
      <c r="T10" s="14"/>
      <c r="U10" s="14"/>
      <c r="V10" s="14"/>
      <c r="W10" s="14"/>
      <c r="X10" s="18"/>
      <c r="Y10" s="14"/>
      <c r="Z10" s="14"/>
      <c r="AA10" s="14"/>
      <c r="AB10" s="14"/>
      <c r="AC10" s="14"/>
      <c r="AD10" s="21"/>
      <c r="AK10" s="5" t="s">
        <v>5329</v>
      </c>
    </row>
    <row r="11" spans="1:44" ht="24.95" customHeight="1" x14ac:dyDescent="0.4">
      <c r="A11" s="15">
        <v>7</v>
      </c>
      <c r="B11" s="16"/>
      <c r="C11" s="44"/>
      <c r="D11" s="16"/>
      <c r="E11" s="44"/>
      <c r="F11" s="18"/>
      <c r="G11" s="19" t="str">
        <f t="shared" si="0"/>
        <v/>
      </c>
      <c r="H11" s="19"/>
      <c r="I11" s="14"/>
      <c r="J11" s="14"/>
      <c r="K11" s="20"/>
      <c r="L11" s="20"/>
      <c r="M11" s="20"/>
      <c r="N11" s="20"/>
      <c r="O11" s="14"/>
      <c r="P11" s="21"/>
      <c r="Q11" s="54"/>
      <c r="R11" s="52"/>
      <c r="S11" s="14"/>
      <c r="T11" s="14"/>
      <c r="U11" s="14"/>
      <c r="V11" s="14"/>
      <c r="W11" s="14"/>
      <c r="X11" s="18"/>
      <c r="Y11" s="14"/>
      <c r="Z11" s="14"/>
      <c r="AA11" s="14"/>
      <c r="AB11" s="14"/>
      <c r="AC11" s="14"/>
      <c r="AD11" s="21"/>
    </row>
    <row r="12" spans="1:44" ht="24.95" customHeight="1" x14ac:dyDescent="0.4">
      <c r="A12" s="15">
        <v>8</v>
      </c>
      <c r="B12" s="16"/>
      <c r="C12" s="44"/>
      <c r="D12" s="16"/>
      <c r="E12" s="44"/>
      <c r="F12" s="18"/>
      <c r="G12" s="19" t="str">
        <f t="shared" si="0"/>
        <v/>
      </c>
      <c r="H12" s="19"/>
      <c r="I12" s="14"/>
      <c r="J12" s="14"/>
      <c r="K12" s="20"/>
      <c r="L12" s="20"/>
      <c r="M12" s="20"/>
      <c r="N12" s="20"/>
      <c r="O12" s="14"/>
      <c r="P12" s="21"/>
      <c r="Q12" s="54"/>
      <c r="R12" s="52"/>
      <c r="S12" s="14"/>
      <c r="T12" s="14"/>
      <c r="U12" s="14"/>
      <c r="V12" s="14"/>
      <c r="W12" s="14"/>
      <c r="X12" s="18"/>
      <c r="Y12" s="14"/>
      <c r="Z12" s="14"/>
      <c r="AA12" s="14"/>
      <c r="AB12" s="14"/>
      <c r="AC12" s="14"/>
      <c r="AD12" s="21"/>
    </row>
    <row r="13" spans="1:44" ht="24.95" customHeight="1" x14ac:dyDescent="0.4">
      <c r="A13" s="15">
        <v>9</v>
      </c>
      <c r="B13" s="16"/>
      <c r="C13" s="44"/>
      <c r="D13" s="16"/>
      <c r="E13" s="44"/>
      <c r="F13" s="18"/>
      <c r="G13" s="19" t="str">
        <f t="shared" si="0"/>
        <v/>
      </c>
      <c r="H13" s="19"/>
      <c r="I13" s="14"/>
      <c r="J13" s="14"/>
      <c r="K13" s="20"/>
      <c r="L13" s="20"/>
      <c r="M13" s="20"/>
      <c r="N13" s="20"/>
      <c r="O13" s="14"/>
      <c r="P13" s="21"/>
      <c r="Q13" s="54"/>
      <c r="R13" s="52"/>
      <c r="S13" s="14"/>
      <c r="T13" s="14"/>
      <c r="U13" s="14"/>
      <c r="V13" s="14"/>
      <c r="W13" s="14"/>
      <c r="X13" s="18"/>
      <c r="Y13" s="14"/>
      <c r="Z13" s="14"/>
      <c r="AA13" s="14"/>
      <c r="AB13" s="14"/>
      <c r="AC13" s="14"/>
      <c r="AD13" s="21"/>
    </row>
    <row r="14" spans="1:44" ht="24.95" customHeight="1" x14ac:dyDescent="0.4">
      <c r="A14" s="15">
        <v>10</v>
      </c>
      <c r="B14" s="16"/>
      <c r="C14" s="44"/>
      <c r="D14" s="16"/>
      <c r="E14" s="44"/>
      <c r="F14" s="18"/>
      <c r="G14" s="19" t="str">
        <f t="shared" si="0"/>
        <v/>
      </c>
      <c r="H14" s="19"/>
      <c r="I14" s="14"/>
      <c r="J14" s="14"/>
      <c r="K14" s="20"/>
      <c r="L14" s="20"/>
      <c r="M14" s="20"/>
      <c r="N14" s="20"/>
      <c r="O14" s="14"/>
      <c r="P14" s="21"/>
      <c r="Q14" s="54"/>
      <c r="R14" s="52"/>
      <c r="S14" s="14"/>
      <c r="T14" s="14"/>
      <c r="U14" s="14"/>
      <c r="V14" s="14"/>
      <c r="W14" s="14"/>
      <c r="X14" s="18"/>
      <c r="Y14" s="14"/>
      <c r="Z14" s="14"/>
      <c r="AA14" s="14"/>
      <c r="AB14" s="14"/>
      <c r="AC14" s="14"/>
      <c r="AD14" s="21"/>
    </row>
    <row r="15" spans="1:44" ht="24.95" customHeight="1" x14ac:dyDescent="0.4">
      <c r="A15" s="15">
        <v>11</v>
      </c>
      <c r="B15" s="16"/>
      <c r="C15" s="44"/>
      <c r="D15" s="16"/>
      <c r="E15" s="44"/>
      <c r="F15" s="18"/>
      <c r="G15" s="19" t="str">
        <f t="shared" si="0"/>
        <v/>
      </c>
      <c r="H15" s="19"/>
      <c r="I15" s="14"/>
      <c r="J15" s="14"/>
      <c r="K15" s="20"/>
      <c r="L15" s="20"/>
      <c r="M15" s="20"/>
      <c r="N15" s="20"/>
      <c r="O15" s="14"/>
      <c r="P15" s="21"/>
      <c r="Q15" s="54"/>
      <c r="R15" s="52"/>
      <c r="S15" s="14"/>
      <c r="T15" s="14"/>
      <c r="U15" s="14"/>
      <c r="V15" s="14"/>
      <c r="W15" s="14"/>
      <c r="X15" s="18"/>
      <c r="Y15" s="14"/>
      <c r="Z15" s="14"/>
      <c r="AA15" s="14"/>
      <c r="AB15" s="14"/>
      <c r="AC15" s="14"/>
      <c r="AD15" s="21"/>
    </row>
    <row r="16" spans="1:44" ht="24.95" customHeight="1" x14ac:dyDescent="0.4">
      <c r="A16" s="15">
        <v>12</v>
      </c>
      <c r="B16" s="16"/>
      <c r="C16" s="44"/>
      <c r="D16" s="16"/>
      <c r="E16" s="44"/>
      <c r="F16" s="18"/>
      <c r="G16" s="19" t="str">
        <f t="shared" si="0"/>
        <v/>
      </c>
      <c r="H16" s="19"/>
      <c r="I16" s="14"/>
      <c r="J16" s="14"/>
      <c r="K16" s="20"/>
      <c r="L16" s="20"/>
      <c r="M16" s="20"/>
      <c r="N16" s="20"/>
      <c r="O16" s="14"/>
      <c r="P16" s="21"/>
      <c r="Q16" s="54"/>
      <c r="R16" s="52"/>
      <c r="S16" s="14"/>
      <c r="T16" s="14"/>
      <c r="U16" s="14"/>
      <c r="V16" s="14"/>
      <c r="W16" s="14"/>
      <c r="X16" s="18"/>
      <c r="Y16" s="14"/>
      <c r="Z16" s="14"/>
      <c r="AA16" s="14"/>
      <c r="AB16" s="14"/>
      <c r="AC16" s="14"/>
      <c r="AD16" s="21"/>
    </row>
    <row r="17" spans="1:30" ht="24.95" customHeight="1" x14ac:dyDescent="0.4">
      <c r="A17" s="15">
        <v>13</v>
      </c>
      <c r="B17" s="16"/>
      <c r="C17" s="44"/>
      <c r="D17" s="16"/>
      <c r="E17" s="44"/>
      <c r="F17" s="18"/>
      <c r="G17" s="19" t="str">
        <f t="shared" si="0"/>
        <v/>
      </c>
      <c r="H17" s="19"/>
      <c r="I17" s="14"/>
      <c r="J17" s="14"/>
      <c r="K17" s="20"/>
      <c r="L17" s="20"/>
      <c r="M17" s="20"/>
      <c r="N17" s="20"/>
      <c r="O17" s="14"/>
      <c r="P17" s="21"/>
      <c r="Q17" s="54"/>
      <c r="R17" s="52"/>
      <c r="S17" s="14"/>
      <c r="T17" s="14"/>
      <c r="U17" s="14"/>
      <c r="V17" s="14"/>
      <c r="W17" s="14"/>
      <c r="X17" s="18"/>
      <c r="Y17" s="14"/>
      <c r="Z17" s="14"/>
      <c r="AA17" s="14"/>
      <c r="AB17" s="14"/>
      <c r="AC17" s="14"/>
      <c r="AD17" s="21"/>
    </row>
    <row r="18" spans="1:30" ht="24.95" customHeight="1" x14ac:dyDescent="0.4">
      <c r="A18" s="15">
        <v>14</v>
      </c>
      <c r="B18" s="16"/>
      <c r="C18" s="44"/>
      <c r="D18" s="16"/>
      <c r="E18" s="44"/>
      <c r="F18" s="18"/>
      <c r="G18" s="19" t="str">
        <f t="shared" si="0"/>
        <v/>
      </c>
      <c r="H18" s="19"/>
      <c r="I18" s="14"/>
      <c r="J18" s="14"/>
      <c r="K18" s="20"/>
      <c r="L18" s="20"/>
      <c r="M18" s="20"/>
      <c r="N18" s="20"/>
      <c r="O18" s="14"/>
      <c r="P18" s="21"/>
      <c r="Q18" s="54"/>
      <c r="R18" s="52"/>
      <c r="S18" s="14"/>
      <c r="T18" s="14"/>
      <c r="U18" s="14"/>
      <c r="V18" s="14"/>
      <c r="W18" s="14"/>
      <c r="X18" s="18"/>
      <c r="Y18" s="14"/>
      <c r="Z18" s="14"/>
      <c r="AA18" s="14"/>
      <c r="AB18" s="14"/>
      <c r="AC18" s="14"/>
      <c r="AD18" s="21"/>
    </row>
    <row r="19" spans="1:30" ht="24.95" customHeight="1" x14ac:dyDescent="0.4">
      <c r="A19" s="15">
        <v>15</v>
      </c>
      <c r="B19" s="16"/>
      <c r="C19" s="44"/>
      <c r="D19" s="16"/>
      <c r="E19" s="44"/>
      <c r="F19" s="18"/>
      <c r="G19" s="19" t="str">
        <f t="shared" si="0"/>
        <v/>
      </c>
      <c r="H19" s="19"/>
      <c r="I19" s="14"/>
      <c r="J19" s="14"/>
      <c r="K19" s="20"/>
      <c r="L19" s="20"/>
      <c r="M19" s="20"/>
      <c r="N19" s="20"/>
      <c r="O19" s="14"/>
      <c r="P19" s="21"/>
      <c r="Q19" s="54"/>
      <c r="R19" s="52"/>
      <c r="S19" s="14"/>
      <c r="T19" s="14"/>
      <c r="U19" s="14"/>
      <c r="V19" s="14"/>
      <c r="W19" s="14"/>
      <c r="X19" s="18"/>
      <c r="Y19" s="14"/>
      <c r="Z19" s="14"/>
      <c r="AA19" s="14"/>
      <c r="AB19" s="14"/>
      <c r="AC19" s="14"/>
      <c r="AD19" s="21"/>
    </row>
    <row r="20" spans="1:30" ht="24.95" customHeight="1" x14ac:dyDescent="0.4">
      <c r="A20" s="15">
        <v>16</v>
      </c>
      <c r="B20" s="16"/>
      <c r="C20" s="44"/>
      <c r="D20" s="16"/>
      <c r="E20" s="44"/>
      <c r="F20" s="18"/>
      <c r="G20" s="19" t="str">
        <f t="shared" si="0"/>
        <v/>
      </c>
      <c r="H20" s="19"/>
      <c r="I20" s="14"/>
      <c r="J20" s="14"/>
      <c r="K20" s="20"/>
      <c r="L20" s="20"/>
      <c r="M20" s="20"/>
      <c r="N20" s="20"/>
      <c r="O20" s="14"/>
      <c r="P20" s="21"/>
      <c r="Q20" s="54"/>
      <c r="R20" s="52"/>
      <c r="S20" s="14"/>
      <c r="T20" s="14"/>
      <c r="U20" s="14"/>
      <c r="V20" s="14"/>
      <c r="W20" s="14"/>
      <c r="X20" s="18"/>
      <c r="Y20" s="14"/>
      <c r="Z20" s="14"/>
      <c r="AA20" s="14"/>
      <c r="AB20" s="14"/>
      <c r="AC20" s="14"/>
      <c r="AD20" s="21"/>
    </row>
    <row r="21" spans="1:30" ht="24.95" customHeight="1" x14ac:dyDescent="0.4">
      <c r="A21" s="15">
        <v>17</v>
      </c>
      <c r="B21" s="16"/>
      <c r="C21" s="44"/>
      <c r="D21" s="16"/>
      <c r="E21" s="44"/>
      <c r="F21" s="18"/>
      <c r="G21" s="19" t="str">
        <f t="shared" si="0"/>
        <v/>
      </c>
      <c r="H21" s="19"/>
      <c r="I21" s="14"/>
      <c r="J21" s="14"/>
      <c r="K21" s="20"/>
      <c r="L21" s="20"/>
      <c r="M21" s="20"/>
      <c r="N21" s="20"/>
      <c r="O21" s="14"/>
      <c r="P21" s="21"/>
      <c r="Q21" s="54"/>
      <c r="R21" s="52"/>
      <c r="S21" s="14"/>
      <c r="T21" s="14"/>
      <c r="U21" s="14"/>
      <c r="V21" s="14"/>
      <c r="W21" s="14"/>
      <c r="X21" s="18"/>
      <c r="Y21" s="14"/>
      <c r="Z21" s="14"/>
      <c r="AA21" s="14"/>
      <c r="AB21" s="14"/>
      <c r="AC21" s="14"/>
      <c r="AD21" s="21"/>
    </row>
    <row r="22" spans="1:30" ht="24.95" customHeight="1" x14ac:dyDescent="0.4">
      <c r="A22" s="15">
        <v>18</v>
      </c>
      <c r="B22" s="16"/>
      <c r="C22" s="44"/>
      <c r="D22" s="16"/>
      <c r="E22" s="44"/>
      <c r="F22" s="18"/>
      <c r="G22" s="19" t="str">
        <f t="shared" si="0"/>
        <v/>
      </c>
      <c r="H22" s="19"/>
      <c r="I22" s="14"/>
      <c r="J22" s="14"/>
      <c r="K22" s="20"/>
      <c r="L22" s="20"/>
      <c r="M22" s="20"/>
      <c r="N22" s="20"/>
      <c r="O22" s="14"/>
      <c r="P22" s="21"/>
      <c r="Q22" s="54"/>
      <c r="R22" s="52"/>
      <c r="S22" s="14"/>
      <c r="T22" s="14"/>
      <c r="U22" s="14"/>
      <c r="V22" s="14"/>
      <c r="W22" s="14"/>
      <c r="X22" s="18"/>
      <c r="Y22" s="14"/>
      <c r="Z22" s="14"/>
      <c r="AA22" s="14"/>
      <c r="AB22" s="14"/>
      <c r="AC22" s="14"/>
      <c r="AD22" s="21"/>
    </row>
    <row r="23" spans="1:30" ht="24.95" customHeight="1" x14ac:dyDescent="0.4">
      <c r="A23" s="15">
        <v>19</v>
      </c>
      <c r="B23" s="16"/>
      <c r="C23" s="44"/>
      <c r="D23" s="16"/>
      <c r="E23" s="44"/>
      <c r="F23" s="18"/>
      <c r="G23" s="19" t="str">
        <f t="shared" si="0"/>
        <v/>
      </c>
      <c r="H23" s="19"/>
      <c r="I23" s="14"/>
      <c r="J23" s="14"/>
      <c r="K23" s="20"/>
      <c r="L23" s="20"/>
      <c r="M23" s="20"/>
      <c r="N23" s="20"/>
      <c r="O23" s="14"/>
      <c r="P23" s="21"/>
      <c r="Q23" s="54"/>
      <c r="R23" s="52"/>
      <c r="S23" s="14"/>
      <c r="T23" s="14"/>
      <c r="U23" s="14"/>
      <c r="V23" s="14"/>
      <c r="W23" s="14"/>
      <c r="X23" s="18"/>
      <c r="Y23" s="14"/>
      <c r="Z23" s="14"/>
      <c r="AA23" s="14"/>
      <c r="AB23" s="14"/>
      <c r="AC23" s="14"/>
      <c r="AD23" s="21"/>
    </row>
    <row r="24" spans="1:30" ht="24.95" customHeight="1" x14ac:dyDescent="0.4">
      <c r="A24" s="15">
        <v>20</v>
      </c>
      <c r="B24" s="16"/>
      <c r="C24" s="44"/>
      <c r="D24" s="16"/>
      <c r="E24" s="44"/>
      <c r="F24" s="18"/>
      <c r="G24" s="19" t="str">
        <f t="shared" si="0"/>
        <v/>
      </c>
      <c r="H24" s="19"/>
      <c r="I24" s="14"/>
      <c r="J24" s="14"/>
      <c r="K24" s="20"/>
      <c r="L24" s="20"/>
      <c r="M24" s="20"/>
      <c r="N24" s="20"/>
      <c r="O24" s="14"/>
      <c r="P24" s="21"/>
      <c r="Q24" s="54"/>
      <c r="R24" s="52"/>
      <c r="S24" s="14"/>
      <c r="T24" s="14"/>
      <c r="U24" s="14"/>
      <c r="V24" s="14"/>
      <c r="W24" s="14"/>
      <c r="X24" s="18"/>
      <c r="Y24" s="14"/>
      <c r="Z24" s="14"/>
      <c r="AA24" s="14"/>
      <c r="AB24" s="14"/>
      <c r="AC24" s="14"/>
      <c r="AD24" s="21"/>
    </row>
    <row r="25" spans="1:30" ht="24.95" customHeight="1" x14ac:dyDescent="0.4">
      <c r="A25" s="15">
        <v>21</v>
      </c>
      <c r="B25" s="16"/>
      <c r="C25" s="44"/>
      <c r="D25" s="16"/>
      <c r="E25" s="44"/>
      <c r="F25" s="18"/>
      <c r="G25" s="19" t="str">
        <f t="shared" si="0"/>
        <v/>
      </c>
      <c r="H25" s="19"/>
      <c r="I25" s="14"/>
      <c r="J25" s="14"/>
      <c r="K25" s="20"/>
      <c r="L25" s="20"/>
      <c r="M25" s="20"/>
      <c r="N25" s="20"/>
      <c r="O25" s="14"/>
      <c r="P25" s="21"/>
      <c r="Q25" s="54"/>
      <c r="R25" s="52"/>
      <c r="S25" s="14"/>
      <c r="T25" s="14"/>
      <c r="U25" s="14"/>
      <c r="V25" s="14"/>
      <c r="W25" s="14"/>
      <c r="X25" s="18"/>
      <c r="Y25" s="14"/>
      <c r="Z25" s="14"/>
      <c r="AA25" s="14"/>
      <c r="AB25" s="14"/>
      <c r="AC25" s="14"/>
      <c r="AD25" s="21"/>
    </row>
    <row r="26" spans="1:30" ht="24.95" customHeight="1" x14ac:dyDescent="0.4">
      <c r="A26" s="15">
        <v>22</v>
      </c>
      <c r="B26" s="16"/>
      <c r="C26" s="44"/>
      <c r="D26" s="16"/>
      <c r="E26" s="44"/>
      <c r="F26" s="18"/>
      <c r="G26" s="19" t="str">
        <f t="shared" si="0"/>
        <v/>
      </c>
      <c r="H26" s="19"/>
      <c r="I26" s="14"/>
      <c r="J26" s="14"/>
      <c r="K26" s="20"/>
      <c r="L26" s="20"/>
      <c r="M26" s="20"/>
      <c r="N26" s="20"/>
      <c r="O26" s="14"/>
      <c r="P26" s="21"/>
      <c r="Q26" s="54"/>
      <c r="R26" s="52"/>
      <c r="S26" s="14"/>
      <c r="T26" s="14"/>
      <c r="U26" s="14"/>
      <c r="V26" s="14"/>
      <c r="W26" s="14"/>
      <c r="X26" s="18"/>
      <c r="Y26" s="14"/>
      <c r="Z26" s="14"/>
      <c r="AA26" s="14"/>
      <c r="AB26" s="14"/>
      <c r="AC26" s="14"/>
      <c r="AD26" s="21"/>
    </row>
    <row r="27" spans="1:30" ht="24.95" customHeight="1" x14ac:dyDescent="0.4">
      <c r="A27" s="15">
        <v>23</v>
      </c>
      <c r="B27" s="16"/>
      <c r="C27" s="44"/>
      <c r="D27" s="16"/>
      <c r="E27" s="44"/>
      <c r="F27" s="18"/>
      <c r="G27" s="19" t="str">
        <f t="shared" si="0"/>
        <v/>
      </c>
      <c r="H27" s="19"/>
      <c r="I27" s="14"/>
      <c r="J27" s="14"/>
      <c r="K27" s="20"/>
      <c r="L27" s="20"/>
      <c r="M27" s="20"/>
      <c r="N27" s="20"/>
      <c r="O27" s="28"/>
      <c r="P27" s="21"/>
      <c r="Q27" s="54"/>
      <c r="R27" s="52"/>
      <c r="S27" s="14"/>
      <c r="T27" s="14"/>
      <c r="U27" s="14"/>
      <c r="V27" s="14"/>
      <c r="W27" s="14"/>
      <c r="X27" s="18"/>
      <c r="Y27" s="14"/>
      <c r="Z27" s="14"/>
      <c r="AA27" s="14"/>
      <c r="AB27" s="14"/>
      <c r="AC27" s="14"/>
      <c r="AD27" s="21"/>
    </row>
    <row r="28" spans="1:30" ht="24.95" customHeight="1" x14ac:dyDescent="0.4">
      <c r="A28" s="15">
        <v>24</v>
      </c>
      <c r="B28" s="16"/>
      <c r="C28" s="44"/>
      <c r="D28" s="16"/>
      <c r="E28" s="44"/>
      <c r="F28" s="18"/>
      <c r="G28" s="19" t="str">
        <f t="shared" si="0"/>
        <v/>
      </c>
      <c r="H28" s="19"/>
      <c r="I28" s="14"/>
      <c r="J28" s="14"/>
      <c r="K28" s="20"/>
      <c r="L28" s="20"/>
      <c r="M28" s="20"/>
      <c r="N28" s="20"/>
      <c r="O28" s="14"/>
      <c r="P28" s="21"/>
      <c r="Q28" s="54"/>
      <c r="R28" s="52"/>
      <c r="S28" s="14"/>
      <c r="T28" s="14"/>
      <c r="U28" s="14"/>
      <c r="V28" s="14"/>
      <c r="W28" s="14"/>
      <c r="X28" s="18"/>
      <c r="Y28" s="14"/>
      <c r="Z28" s="14"/>
      <c r="AA28" s="14"/>
      <c r="AB28" s="14"/>
      <c r="AC28" s="14"/>
      <c r="AD28" s="21"/>
    </row>
    <row r="29" spans="1:30" ht="24.95" customHeight="1" x14ac:dyDescent="0.4">
      <c r="A29" s="15">
        <v>25</v>
      </c>
      <c r="B29" s="16"/>
      <c r="C29" s="44"/>
      <c r="D29" s="16"/>
      <c r="E29" s="44"/>
      <c r="F29" s="18"/>
      <c r="G29" s="19" t="str">
        <f t="shared" si="0"/>
        <v/>
      </c>
      <c r="H29" s="19"/>
      <c r="I29" s="14"/>
      <c r="J29" s="14"/>
      <c r="K29" s="20"/>
      <c r="L29" s="20"/>
      <c r="M29" s="20"/>
      <c r="N29" s="20"/>
      <c r="O29" s="14"/>
      <c r="P29" s="21"/>
      <c r="Q29" s="54"/>
      <c r="R29" s="52"/>
      <c r="S29" s="14"/>
      <c r="T29" s="14"/>
      <c r="U29" s="14"/>
      <c r="V29" s="14"/>
      <c r="W29" s="14"/>
      <c r="X29" s="18"/>
      <c r="Y29" s="14"/>
      <c r="Z29" s="14"/>
      <c r="AA29" s="14"/>
      <c r="AB29" s="14"/>
      <c r="AC29" s="14"/>
      <c r="AD29" s="21"/>
    </row>
    <row r="30" spans="1:30" ht="24.95" customHeight="1" x14ac:dyDescent="0.4">
      <c r="A30" s="15">
        <v>26</v>
      </c>
      <c r="B30" s="16"/>
      <c r="C30" s="44"/>
      <c r="D30" s="16"/>
      <c r="E30" s="44"/>
      <c r="F30" s="18"/>
      <c r="G30" s="19" t="str">
        <f t="shared" si="0"/>
        <v/>
      </c>
      <c r="H30" s="19"/>
      <c r="I30" s="14"/>
      <c r="J30" s="14"/>
      <c r="K30" s="20"/>
      <c r="L30" s="20"/>
      <c r="M30" s="20"/>
      <c r="N30" s="20"/>
      <c r="O30" s="14"/>
      <c r="P30" s="21"/>
      <c r="Q30" s="54"/>
      <c r="R30" s="52"/>
      <c r="S30" s="14"/>
      <c r="T30" s="14"/>
      <c r="U30" s="14"/>
      <c r="V30" s="14"/>
      <c r="W30" s="14"/>
      <c r="X30" s="18"/>
      <c r="Y30" s="14"/>
      <c r="Z30" s="14"/>
      <c r="AA30" s="14"/>
      <c r="AB30" s="14"/>
      <c r="AC30" s="14"/>
      <c r="AD30" s="21"/>
    </row>
    <row r="31" spans="1:30" ht="24.95" customHeight="1" x14ac:dyDescent="0.4">
      <c r="A31" s="15">
        <v>27</v>
      </c>
      <c r="B31" s="16"/>
      <c r="C31" s="44"/>
      <c r="D31" s="16"/>
      <c r="E31" s="44"/>
      <c r="F31" s="18"/>
      <c r="G31" s="19" t="str">
        <f t="shared" si="0"/>
        <v/>
      </c>
      <c r="H31" s="19"/>
      <c r="I31" s="14"/>
      <c r="J31" s="14"/>
      <c r="K31" s="20"/>
      <c r="L31" s="20"/>
      <c r="M31" s="20"/>
      <c r="N31" s="20"/>
      <c r="O31" s="14"/>
      <c r="P31" s="21"/>
      <c r="Q31" s="54"/>
      <c r="R31" s="52"/>
      <c r="S31" s="14"/>
      <c r="T31" s="14"/>
      <c r="U31" s="14"/>
      <c r="V31" s="14"/>
      <c r="W31" s="14"/>
      <c r="X31" s="18"/>
      <c r="Y31" s="14"/>
      <c r="Z31" s="14"/>
      <c r="AA31" s="14"/>
      <c r="AB31" s="14"/>
      <c r="AC31" s="14"/>
      <c r="AD31" s="21"/>
    </row>
    <row r="32" spans="1:30" ht="24.95" customHeight="1" x14ac:dyDescent="0.4">
      <c r="A32" s="15">
        <v>28</v>
      </c>
      <c r="B32" s="16"/>
      <c r="C32" s="44"/>
      <c r="D32" s="16"/>
      <c r="E32" s="44"/>
      <c r="F32" s="18"/>
      <c r="G32" s="19" t="str">
        <f t="shared" si="0"/>
        <v/>
      </c>
      <c r="H32" s="19"/>
      <c r="I32" s="14"/>
      <c r="J32" s="14"/>
      <c r="K32" s="20"/>
      <c r="L32" s="20"/>
      <c r="M32" s="20"/>
      <c r="N32" s="20"/>
      <c r="O32" s="14"/>
      <c r="P32" s="21"/>
      <c r="Q32" s="54"/>
      <c r="R32" s="52"/>
      <c r="S32" s="14"/>
      <c r="T32" s="14"/>
      <c r="U32" s="14"/>
      <c r="V32" s="14"/>
      <c r="W32" s="14"/>
      <c r="X32" s="18"/>
      <c r="Y32" s="14"/>
      <c r="Z32" s="14"/>
      <c r="AA32" s="14"/>
      <c r="AB32" s="14"/>
      <c r="AC32" s="14"/>
      <c r="AD32" s="21"/>
    </row>
    <row r="33" spans="1:30" ht="24.95" customHeight="1" x14ac:dyDescent="0.4">
      <c r="A33" s="15">
        <v>29</v>
      </c>
      <c r="B33" s="16"/>
      <c r="C33" s="44"/>
      <c r="D33" s="16"/>
      <c r="E33" s="44"/>
      <c r="F33" s="18"/>
      <c r="G33" s="19" t="str">
        <f t="shared" si="0"/>
        <v/>
      </c>
      <c r="H33" s="19"/>
      <c r="I33" s="14"/>
      <c r="J33" s="14"/>
      <c r="K33" s="20"/>
      <c r="L33" s="20"/>
      <c r="M33" s="20"/>
      <c r="N33" s="20"/>
      <c r="O33" s="14"/>
      <c r="P33" s="21"/>
      <c r="Q33" s="54"/>
      <c r="R33" s="52"/>
      <c r="S33" s="14"/>
      <c r="T33" s="14"/>
      <c r="U33" s="14"/>
      <c r="V33" s="14"/>
      <c r="W33" s="14"/>
      <c r="X33" s="18"/>
      <c r="Y33" s="14"/>
      <c r="Z33" s="14"/>
      <c r="AA33" s="14"/>
      <c r="AB33" s="14"/>
      <c r="AC33" s="14"/>
      <c r="AD33" s="21"/>
    </row>
    <row r="34" spans="1:30" ht="24.95" customHeight="1" x14ac:dyDescent="0.4">
      <c r="A34" s="15">
        <v>30</v>
      </c>
      <c r="B34" s="16"/>
      <c r="C34" s="44"/>
      <c r="D34" s="16"/>
      <c r="E34" s="44"/>
      <c r="F34" s="18"/>
      <c r="G34" s="19" t="str">
        <f t="shared" si="0"/>
        <v/>
      </c>
      <c r="H34" s="19"/>
      <c r="I34" s="14"/>
      <c r="J34" s="14"/>
      <c r="K34" s="20"/>
      <c r="L34" s="20"/>
      <c r="M34" s="20"/>
      <c r="N34" s="20"/>
      <c r="O34" s="14"/>
      <c r="P34" s="21"/>
      <c r="Q34" s="54"/>
      <c r="R34" s="52"/>
      <c r="S34" s="14"/>
      <c r="T34" s="14"/>
      <c r="U34" s="14"/>
      <c r="V34" s="14"/>
      <c r="W34" s="14"/>
      <c r="X34" s="18"/>
      <c r="Y34" s="14"/>
      <c r="Z34" s="14"/>
      <c r="AA34" s="14"/>
      <c r="AB34" s="14"/>
      <c r="AC34" s="14"/>
      <c r="AD34" s="21"/>
    </row>
    <row r="35" spans="1:30" ht="24.95" customHeight="1" x14ac:dyDescent="0.4">
      <c r="A35" s="15">
        <v>31</v>
      </c>
      <c r="B35" s="16"/>
      <c r="C35" s="17"/>
      <c r="D35" s="16"/>
      <c r="E35" s="17"/>
      <c r="F35" s="18"/>
      <c r="G35" s="19"/>
      <c r="H35" s="19"/>
      <c r="I35" s="14"/>
      <c r="J35" s="14"/>
      <c r="K35" s="20"/>
      <c r="L35" s="20"/>
      <c r="M35" s="20"/>
      <c r="N35" s="20"/>
      <c r="O35" s="14"/>
      <c r="P35" s="21"/>
      <c r="Q35" s="14"/>
      <c r="R35" s="18"/>
      <c r="S35" s="14"/>
      <c r="T35" s="14"/>
      <c r="U35" s="14"/>
      <c r="V35" s="14"/>
      <c r="W35" s="14"/>
      <c r="X35" s="18"/>
      <c r="Y35" s="14"/>
      <c r="Z35" s="14"/>
      <c r="AA35" s="14"/>
      <c r="AB35" s="14"/>
      <c r="AC35" s="14"/>
      <c r="AD35" s="21"/>
    </row>
    <row r="36" spans="1:30" ht="24.95" customHeight="1" x14ac:dyDescent="0.4">
      <c r="A36" s="15">
        <v>32</v>
      </c>
      <c r="B36" s="16"/>
      <c r="C36" s="17"/>
      <c r="D36" s="16"/>
      <c r="E36" s="17"/>
      <c r="F36" s="18"/>
      <c r="G36" s="19"/>
      <c r="H36" s="19"/>
      <c r="I36" s="14"/>
      <c r="J36" s="14"/>
      <c r="K36" s="20"/>
      <c r="L36" s="20"/>
      <c r="M36" s="20"/>
      <c r="N36" s="20"/>
      <c r="O36" s="14"/>
      <c r="P36" s="21"/>
      <c r="Q36" s="14"/>
      <c r="R36" s="18"/>
      <c r="S36" s="14"/>
      <c r="T36" s="14"/>
      <c r="U36" s="14"/>
      <c r="V36" s="14"/>
      <c r="W36" s="14"/>
      <c r="X36" s="18"/>
      <c r="Y36" s="14"/>
      <c r="Z36" s="14"/>
      <c r="AA36" s="14"/>
      <c r="AB36" s="14"/>
      <c r="AC36" s="14"/>
      <c r="AD36" s="21"/>
    </row>
    <row r="37" spans="1:30" ht="24.95" customHeight="1" x14ac:dyDescent="0.4">
      <c r="A37" s="15">
        <v>33</v>
      </c>
      <c r="B37" s="16"/>
      <c r="C37" s="17"/>
      <c r="D37" s="16"/>
      <c r="E37" s="17"/>
      <c r="F37" s="18"/>
      <c r="G37" s="19"/>
      <c r="H37" s="19"/>
      <c r="I37" s="14"/>
      <c r="J37" s="14"/>
      <c r="K37" s="20"/>
      <c r="L37" s="20"/>
      <c r="M37" s="20"/>
      <c r="N37" s="20"/>
      <c r="O37" s="14"/>
      <c r="P37" s="21"/>
      <c r="Q37" s="14"/>
      <c r="R37" s="18"/>
      <c r="S37" s="14"/>
      <c r="T37" s="14"/>
      <c r="U37" s="14"/>
      <c r="V37" s="14"/>
      <c r="W37" s="14"/>
      <c r="X37" s="18"/>
      <c r="Y37" s="14"/>
      <c r="Z37" s="14"/>
      <c r="AA37" s="14"/>
      <c r="AB37" s="14"/>
      <c r="AC37" s="14"/>
      <c r="AD37" s="21"/>
    </row>
    <row r="38" spans="1:30" ht="24.95" customHeight="1" x14ac:dyDescent="0.4">
      <c r="A38" s="15">
        <v>34</v>
      </c>
      <c r="B38" s="16"/>
      <c r="C38" s="17"/>
      <c r="D38" s="16"/>
      <c r="E38" s="17"/>
      <c r="F38" s="18"/>
      <c r="G38" s="19"/>
      <c r="H38" s="19"/>
      <c r="I38" s="14"/>
      <c r="J38" s="14"/>
      <c r="K38" s="20"/>
      <c r="L38" s="20"/>
      <c r="M38" s="20"/>
      <c r="N38" s="20"/>
      <c r="O38" s="14"/>
      <c r="P38" s="21"/>
      <c r="Q38" s="14"/>
      <c r="R38" s="18"/>
      <c r="S38" s="14"/>
      <c r="T38" s="14"/>
      <c r="U38" s="14"/>
      <c r="V38" s="14"/>
      <c r="W38" s="14"/>
      <c r="X38" s="18"/>
      <c r="Y38" s="14"/>
      <c r="Z38" s="14"/>
      <c r="AA38" s="14"/>
      <c r="AB38" s="14"/>
      <c r="AC38" s="14"/>
      <c r="AD38" s="21"/>
    </row>
    <row r="39" spans="1:30" ht="24.95" customHeight="1" x14ac:dyDescent="0.4">
      <c r="A39" s="15">
        <v>35</v>
      </c>
      <c r="B39" s="16"/>
      <c r="C39" s="17"/>
      <c r="D39" s="16"/>
      <c r="E39" s="17"/>
      <c r="F39" s="18"/>
      <c r="G39" s="19"/>
      <c r="H39" s="19"/>
      <c r="I39" s="14"/>
      <c r="J39" s="14"/>
      <c r="K39" s="20"/>
      <c r="L39" s="20"/>
      <c r="M39" s="20"/>
      <c r="N39" s="20"/>
      <c r="O39" s="14"/>
      <c r="P39" s="21"/>
      <c r="Q39" s="14"/>
      <c r="R39" s="18"/>
      <c r="S39" s="14"/>
      <c r="T39" s="14"/>
      <c r="U39" s="14"/>
      <c r="V39" s="14"/>
      <c r="W39" s="14"/>
      <c r="X39" s="18"/>
      <c r="Y39" s="14"/>
      <c r="Z39" s="14"/>
      <c r="AA39" s="14"/>
      <c r="AB39" s="14"/>
      <c r="AC39" s="14"/>
      <c r="AD39" s="21"/>
    </row>
    <row r="40" spans="1:30" ht="24.95" customHeight="1" x14ac:dyDescent="0.4">
      <c r="A40" s="15">
        <v>36</v>
      </c>
      <c r="B40" s="16"/>
      <c r="C40" s="17"/>
      <c r="D40" s="16"/>
      <c r="E40" s="17"/>
      <c r="F40" s="18"/>
      <c r="G40" s="19"/>
      <c r="H40" s="19"/>
      <c r="I40" s="14"/>
      <c r="J40" s="14"/>
      <c r="K40" s="20"/>
      <c r="L40" s="20"/>
      <c r="M40" s="20"/>
      <c r="N40" s="20"/>
      <c r="O40" s="14"/>
      <c r="P40" s="21"/>
      <c r="Q40" s="14"/>
      <c r="R40" s="18"/>
      <c r="S40" s="14"/>
      <c r="T40" s="14"/>
      <c r="U40" s="14"/>
      <c r="V40" s="14"/>
      <c r="W40" s="14"/>
      <c r="X40" s="18"/>
      <c r="Y40" s="14"/>
      <c r="Z40" s="14"/>
      <c r="AA40" s="14"/>
      <c r="AB40" s="14"/>
      <c r="AC40" s="14"/>
      <c r="AD40" s="21"/>
    </row>
    <row r="41" spans="1:30" ht="24.95" customHeight="1" x14ac:dyDescent="0.4">
      <c r="A41" s="15">
        <v>37</v>
      </c>
      <c r="B41" s="16"/>
      <c r="C41" s="17"/>
      <c r="D41" s="16"/>
      <c r="E41" s="17"/>
      <c r="F41" s="18"/>
      <c r="G41" s="19"/>
      <c r="H41" s="19"/>
      <c r="I41" s="14"/>
      <c r="J41" s="14"/>
      <c r="K41" s="20"/>
      <c r="L41" s="20"/>
      <c r="M41" s="20"/>
      <c r="N41" s="20"/>
      <c r="O41" s="14"/>
      <c r="P41" s="21"/>
      <c r="Q41" s="14"/>
      <c r="R41" s="18"/>
      <c r="S41" s="14"/>
      <c r="T41" s="14"/>
      <c r="U41" s="14"/>
      <c r="V41" s="14"/>
      <c r="W41" s="14"/>
      <c r="X41" s="18"/>
      <c r="Y41" s="14"/>
      <c r="Z41" s="14"/>
      <c r="AA41" s="14"/>
      <c r="AB41" s="14"/>
      <c r="AC41" s="14"/>
      <c r="AD41" s="21"/>
    </row>
    <row r="42" spans="1:30" ht="24.95" customHeight="1" x14ac:dyDescent="0.4">
      <c r="A42" s="15">
        <v>38</v>
      </c>
      <c r="B42" s="16"/>
      <c r="C42" s="17"/>
      <c r="D42" s="16"/>
      <c r="E42" s="17"/>
      <c r="F42" s="18"/>
      <c r="G42" s="19"/>
      <c r="H42" s="19"/>
      <c r="I42" s="14"/>
      <c r="J42" s="14"/>
      <c r="K42" s="20"/>
      <c r="L42" s="20"/>
      <c r="M42" s="20"/>
      <c r="N42" s="20"/>
      <c r="O42" s="14"/>
      <c r="P42" s="21"/>
      <c r="Q42" s="14"/>
      <c r="R42" s="18"/>
      <c r="S42" s="14"/>
      <c r="T42" s="14"/>
      <c r="U42" s="14"/>
      <c r="V42" s="14"/>
      <c r="W42" s="14"/>
      <c r="X42" s="18"/>
      <c r="Y42" s="14"/>
      <c r="Z42" s="14"/>
      <c r="AA42" s="14"/>
      <c r="AB42" s="14"/>
      <c r="AC42" s="14"/>
      <c r="AD42" s="21"/>
    </row>
    <row r="43" spans="1:30" ht="24.95" customHeight="1" x14ac:dyDescent="0.4">
      <c r="A43" s="15">
        <v>39</v>
      </c>
      <c r="B43" s="16"/>
      <c r="C43" s="17"/>
      <c r="D43" s="16"/>
      <c r="E43" s="17"/>
      <c r="F43" s="18"/>
      <c r="G43" s="19"/>
      <c r="H43" s="19"/>
      <c r="I43" s="14"/>
      <c r="J43" s="14"/>
      <c r="K43" s="20"/>
      <c r="L43" s="20"/>
      <c r="M43" s="20"/>
      <c r="N43" s="20"/>
      <c r="O43" s="14"/>
      <c r="P43" s="21"/>
      <c r="Q43" s="14"/>
      <c r="R43" s="18"/>
      <c r="S43" s="14"/>
      <c r="T43" s="14"/>
      <c r="U43" s="14"/>
      <c r="V43" s="14"/>
      <c r="W43" s="14"/>
      <c r="X43" s="18"/>
      <c r="Y43" s="14"/>
      <c r="Z43" s="14"/>
      <c r="AA43" s="14"/>
      <c r="AB43" s="14"/>
      <c r="AC43" s="14"/>
      <c r="AD43" s="21"/>
    </row>
    <row r="44" spans="1:30" ht="24.95" customHeight="1" x14ac:dyDescent="0.4">
      <c r="A44" s="15">
        <v>40</v>
      </c>
      <c r="B44" s="16"/>
      <c r="C44" s="17"/>
      <c r="D44" s="16"/>
      <c r="E44" s="17"/>
      <c r="F44" s="18"/>
      <c r="G44" s="19"/>
      <c r="H44" s="19"/>
      <c r="I44" s="14"/>
      <c r="J44" s="14"/>
      <c r="K44" s="20"/>
      <c r="L44" s="20"/>
      <c r="M44" s="20"/>
      <c r="N44" s="20"/>
      <c r="O44" s="14"/>
      <c r="P44" s="21"/>
      <c r="Q44" s="14"/>
      <c r="R44" s="18"/>
      <c r="S44" s="14"/>
      <c r="T44" s="14"/>
      <c r="U44" s="14"/>
      <c r="V44" s="14"/>
      <c r="W44" s="14"/>
      <c r="X44" s="18"/>
      <c r="Y44" s="14"/>
      <c r="Z44" s="14"/>
      <c r="AA44" s="14"/>
      <c r="AB44" s="14"/>
      <c r="AC44" s="14"/>
      <c r="AD44" s="21"/>
    </row>
    <row r="45" spans="1:30" ht="24.95" customHeight="1" x14ac:dyDescent="0.4">
      <c r="A45" s="15">
        <v>41</v>
      </c>
      <c r="B45" s="16"/>
      <c r="C45" s="17"/>
      <c r="D45" s="16"/>
      <c r="E45" s="17"/>
      <c r="F45" s="18"/>
      <c r="G45" s="19"/>
      <c r="H45" s="19"/>
      <c r="I45" s="14"/>
      <c r="J45" s="14"/>
      <c r="K45" s="20"/>
      <c r="L45" s="20"/>
      <c r="M45" s="20"/>
      <c r="N45" s="20"/>
      <c r="O45" s="14"/>
      <c r="P45" s="21"/>
      <c r="Q45" s="14"/>
      <c r="R45" s="18"/>
      <c r="S45" s="14"/>
      <c r="T45" s="14"/>
      <c r="U45" s="14"/>
      <c r="V45" s="14"/>
      <c r="W45" s="14"/>
      <c r="X45" s="18"/>
      <c r="Y45" s="14"/>
      <c r="Z45" s="14"/>
      <c r="AA45" s="14"/>
      <c r="AB45" s="14"/>
      <c r="AC45" s="14"/>
      <c r="AD45" s="21"/>
    </row>
    <row r="46" spans="1:30" ht="24.95" customHeight="1" x14ac:dyDescent="0.4">
      <c r="A46" s="15">
        <v>42</v>
      </c>
      <c r="B46" s="16"/>
      <c r="C46" s="17"/>
      <c r="D46" s="16"/>
      <c r="E46" s="17"/>
      <c r="F46" s="18"/>
      <c r="G46" s="19"/>
      <c r="H46" s="19"/>
      <c r="I46" s="14"/>
      <c r="J46" s="14"/>
      <c r="K46" s="20"/>
      <c r="L46" s="20"/>
      <c r="M46" s="20"/>
      <c r="N46" s="20"/>
      <c r="O46" s="14"/>
      <c r="P46" s="21"/>
      <c r="Q46" s="14"/>
      <c r="R46" s="18"/>
      <c r="S46" s="14"/>
      <c r="T46" s="14"/>
      <c r="U46" s="14"/>
      <c r="V46" s="14"/>
      <c r="W46" s="14"/>
      <c r="X46" s="18"/>
      <c r="Y46" s="14"/>
      <c r="Z46" s="14"/>
      <c r="AA46" s="14"/>
      <c r="AB46" s="14"/>
      <c r="AC46" s="14"/>
      <c r="AD46" s="21"/>
    </row>
    <row r="47" spans="1:30" ht="24.95" customHeight="1" x14ac:dyDescent="0.4">
      <c r="A47" s="15">
        <v>43</v>
      </c>
      <c r="B47" s="16"/>
      <c r="C47" s="17"/>
      <c r="D47" s="16"/>
      <c r="E47" s="17"/>
      <c r="F47" s="18"/>
      <c r="G47" s="19"/>
      <c r="H47" s="19"/>
      <c r="I47" s="14"/>
      <c r="J47" s="14"/>
      <c r="K47" s="20"/>
      <c r="L47" s="20"/>
      <c r="M47" s="20"/>
      <c r="N47" s="20"/>
      <c r="O47" s="14"/>
      <c r="P47" s="21"/>
      <c r="Q47" s="14"/>
      <c r="R47" s="18"/>
      <c r="S47" s="14"/>
      <c r="T47" s="14"/>
      <c r="U47" s="14"/>
      <c r="V47" s="14"/>
      <c r="W47" s="14"/>
      <c r="X47" s="18"/>
      <c r="Y47" s="14"/>
      <c r="Z47" s="14"/>
      <c r="AA47" s="14"/>
      <c r="AB47" s="14"/>
      <c r="AC47" s="14"/>
      <c r="AD47" s="21"/>
    </row>
    <row r="48" spans="1:30" ht="24.95" customHeight="1" x14ac:dyDescent="0.4">
      <c r="A48" s="15">
        <v>44</v>
      </c>
      <c r="B48" s="16"/>
      <c r="C48" s="17"/>
      <c r="D48" s="16"/>
      <c r="E48" s="17"/>
      <c r="F48" s="18"/>
      <c r="G48" s="19"/>
      <c r="H48" s="19"/>
      <c r="I48" s="14"/>
      <c r="J48" s="14"/>
      <c r="K48" s="20"/>
      <c r="L48" s="20"/>
      <c r="M48" s="20"/>
      <c r="N48" s="20"/>
      <c r="O48" s="14"/>
      <c r="P48" s="21"/>
      <c r="Q48" s="14"/>
      <c r="R48" s="18"/>
      <c r="S48" s="14"/>
      <c r="T48" s="14"/>
      <c r="U48" s="14"/>
      <c r="V48" s="14"/>
      <c r="W48" s="14"/>
      <c r="X48" s="18"/>
      <c r="Y48" s="14"/>
      <c r="Z48" s="14"/>
      <c r="AA48" s="14"/>
      <c r="AB48" s="14"/>
      <c r="AC48" s="14"/>
      <c r="AD48" s="21"/>
    </row>
    <row r="49" spans="1:30" ht="24.95" customHeight="1" x14ac:dyDescent="0.4">
      <c r="A49" s="15">
        <v>45</v>
      </c>
      <c r="B49" s="16"/>
      <c r="C49" s="17"/>
      <c r="D49" s="16"/>
      <c r="E49" s="17"/>
      <c r="F49" s="18"/>
      <c r="G49" s="19"/>
      <c r="H49" s="19"/>
      <c r="I49" s="14"/>
      <c r="J49" s="14"/>
      <c r="K49" s="20"/>
      <c r="L49" s="20"/>
      <c r="M49" s="20"/>
      <c r="N49" s="20"/>
      <c r="O49" s="14"/>
      <c r="P49" s="21"/>
      <c r="Q49" s="14"/>
      <c r="R49" s="18"/>
      <c r="S49" s="14"/>
      <c r="T49" s="14"/>
      <c r="U49" s="14"/>
      <c r="V49" s="14"/>
      <c r="W49" s="14"/>
      <c r="X49" s="18"/>
      <c r="Y49" s="14"/>
      <c r="Z49" s="14"/>
      <c r="AA49" s="14"/>
      <c r="AB49" s="14"/>
      <c r="AC49" s="14"/>
      <c r="AD49" s="21"/>
    </row>
    <row r="50" spans="1:30" ht="24.95" customHeight="1" x14ac:dyDescent="0.4">
      <c r="A50" s="15">
        <v>46</v>
      </c>
      <c r="B50" s="16"/>
      <c r="C50" s="17"/>
      <c r="D50" s="16"/>
      <c r="E50" s="17"/>
      <c r="F50" s="18"/>
      <c r="G50" s="19"/>
      <c r="H50" s="19"/>
      <c r="I50" s="14"/>
      <c r="J50" s="14"/>
      <c r="K50" s="20"/>
      <c r="L50" s="20"/>
      <c r="M50" s="20"/>
      <c r="N50" s="20"/>
      <c r="O50" s="14"/>
      <c r="P50" s="21"/>
      <c r="Q50" s="14"/>
      <c r="R50" s="18"/>
      <c r="S50" s="14"/>
      <c r="T50" s="14"/>
      <c r="U50" s="14"/>
      <c r="V50" s="14"/>
      <c r="W50" s="14"/>
      <c r="X50" s="18"/>
      <c r="Y50" s="14"/>
      <c r="Z50" s="14"/>
      <c r="AA50" s="14"/>
      <c r="AB50" s="14"/>
      <c r="AC50" s="14"/>
      <c r="AD50" s="21"/>
    </row>
    <row r="51" spans="1:30" ht="24.95" customHeight="1" x14ac:dyDescent="0.4">
      <c r="A51" s="15">
        <v>47</v>
      </c>
      <c r="B51" s="16"/>
      <c r="C51" s="17"/>
      <c r="D51" s="16"/>
      <c r="E51" s="17"/>
      <c r="F51" s="18"/>
      <c r="G51" s="19"/>
      <c r="H51" s="19"/>
      <c r="I51" s="14"/>
      <c r="J51" s="14"/>
      <c r="K51" s="20"/>
      <c r="L51" s="20"/>
      <c r="M51" s="20"/>
      <c r="N51" s="20"/>
      <c r="O51" s="14"/>
      <c r="P51" s="21"/>
      <c r="Q51" s="14"/>
      <c r="R51" s="18"/>
      <c r="S51" s="14"/>
      <c r="T51" s="14"/>
      <c r="U51" s="14"/>
      <c r="V51" s="14"/>
      <c r="W51" s="14"/>
      <c r="X51" s="18"/>
      <c r="Y51" s="14"/>
      <c r="Z51" s="14"/>
      <c r="AA51" s="14"/>
      <c r="AB51" s="14"/>
      <c r="AC51" s="14"/>
      <c r="AD51" s="21"/>
    </row>
    <row r="52" spans="1:30" ht="24.95" customHeight="1" x14ac:dyDescent="0.4">
      <c r="A52" s="15">
        <v>48</v>
      </c>
      <c r="B52" s="16"/>
      <c r="C52" s="17"/>
      <c r="D52" s="16"/>
      <c r="E52" s="17"/>
      <c r="F52" s="18"/>
      <c r="G52" s="19"/>
      <c r="H52" s="19"/>
      <c r="I52" s="14"/>
      <c r="J52" s="14"/>
      <c r="K52" s="20"/>
      <c r="L52" s="20"/>
      <c r="M52" s="20"/>
      <c r="N52" s="20"/>
      <c r="O52" s="14"/>
      <c r="P52" s="21"/>
      <c r="Q52" s="14"/>
      <c r="R52" s="18"/>
      <c r="S52" s="14"/>
      <c r="T52" s="14"/>
      <c r="U52" s="14"/>
      <c r="V52" s="14"/>
      <c r="W52" s="14"/>
      <c r="X52" s="18"/>
      <c r="Y52" s="14"/>
      <c r="Z52" s="14"/>
      <c r="AA52" s="14"/>
      <c r="AB52" s="14"/>
      <c r="AC52" s="14"/>
      <c r="AD52" s="21"/>
    </row>
    <row r="53" spans="1:30" ht="24.95" customHeight="1" x14ac:dyDescent="0.4">
      <c r="A53" s="15">
        <v>49</v>
      </c>
      <c r="B53" s="16"/>
      <c r="C53" s="17"/>
      <c r="D53" s="16"/>
      <c r="E53" s="17"/>
      <c r="F53" s="18"/>
      <c r="G53" s="19"/>
      <c r="H53" s="19"/>
      <c r="I53" s="14"/>
      <c r="J53" s="14"/>
      <c r="K53" s="20"/>
      <c r="L53" s="20"/>
      <c r="M53" s="20"/>
      <c r="N53" s="20"/>
      <c r="O53" s="14"/>
      <c r="P53" s="21"/>
      <c r="Q53" s="14"/>
      <c r="R53" s="18"/>
      <c r="S53" s="14"/>
      <c r="T53" s="14"/>
      <c r="U53" s="14"/>
      <c r="V53" s="14"/>
      <c r="W53" s="14"/>
      <c r="X53" s="18"/>
      <c r="Y53" s="14"/>
      <c r="Z53" s="14"/>
      <c r="AA53" s="14"/>
      <c r="AB53" s="14"/>
      <c r="AC53" s="14"/>
      <c r="AD53" s="21"/>
    </row>
    <row r="54" spans="1:30" ht="24.95" customHeight="1" x14ac:dyDescent="0.4">
      <c r="A54" s="15">
        <v>50</v>
      </c>
      <c r="B54" s="16"/>
      <c r="C54" s="17"/>
      <c r="D54" s="16"/>
      <c r="E54" s="17"/>
      <c r="F54" s="18"/>
      <c r="G54" s="19"/>
      <c r="H54" s="19"/>
      <c r="I54" s="14"/>
      <c r="J54" s="14"/>
      <c r="K54" s="20"/>
      <c r="L54" s="20"/>
      <c r="M54" s="20"/>
      <c r="N54" s="20"/>
      <c r="O54" s="14"/>
      <c r="P54" s="21"/>
      <c r="Q54" s="14"/>
      <c r="R54" s="18"/>
      <c r="S54" s="14"/>
      <c r="T54" s="14"/>
      <c r="U54" s="14"/>
      <c r="V54" s="14"/>
      <c r="W54" s="14"/>
      <c r="X54" s="18"/>
      <c r="Y54" s="14"/>
      <c r="Z54" s="14"/>
      <c r="AA54" s="14"/>
      <c r="AB54" s="14"/>
      <c r="AC54" s="14"/>
      <c r="AD54" s="21"/>
    </row>
    <row r="55" spans="1:30" ht="24.95" customHeight="1" x14ac:dyDescent="0.4">
      <c r="A55" s="15">
        <v>51</v>
      </c>
      <c r="B55" s="16"/>
      <c r="C55" s="17"/>
      <c r="D55" s="16"/>
      <c r="E55" s="17"/>
      <c r="F55" s="18"/>
      <c r="G55" s="19"/>
      <c r="H55" s="19"/>
      <c r="I55" s="14"/>
      <c r="J55" s="14"/>
      <c r="K55" s="20"/>
      <c r="L55" s="20"/>
      <c r="M55" s="20"/>
      <c r="N55" s="20"/>
      <c r="O55" s="14"/>
      <c r="P55" s="21"/>
      <c r="Q55" s="14"/>
      <c r="R55" s="18"/>
      <c r="S55" s="14"/>
      <c r="T55" s="14"/>
      <c r="U55" s="14"/>
      <c r="V55" s="14"/>
      <c r="W55" s="14"/>
      <c r="X55" s="18"/>
      <c r="Y55" s="14"/>
      <c r="Z55" s="14"/>
      <c r="AA55" s="14"/>
      <c r="AB55" s="14"/>
      <c r="AC55" s="14"/>
      <c r="AD55" s="21"/>
    </row>
    <row r="56" spans="1:30" ht="24.95" customHeight="1" x14ac:dyDescent="0.4">
      <c r="A56" s="15">
        <v>52</v>
      </c>
      <c r="B56" s="16"/>
      <c r="C56" s="17"/>
      <c r="D56" s="16"/>
      <c r="E56" s="17"/>
      <c r="F56" s="18"/>
      <c r="G56" s="19"/>
      <c r="H56" s="19"/>
      <c r="I56" s="14"/>
      <c r="J56" s="14"/>
      <c r="K56" s="20"/>
      <c r="L56" s="20"/>
      <c r="M56" s="20"/>
      <c r="N56" s="20"/>
      <c r="O56" s="14"/>
      <c r="P56" s="21"/>
      <c r="Q56" s="14"/>
      <c r="R56" s="18"/>
      <c r="S56" s="14"/>
      <c r="T56" s="14"/>
      <c r="U56" s="14"/>
      <c r="V56" s="14"/>
      <c r="W56" s="14"/>
      <c r="X56" s="18"/>
      <c r="Y56" s="14"/>
      <c r="Z56" s="14"/>
      <c r="AA56" s="14"/>
      <c r="AB56" s="14"/>
      <c r="AC56" s="14"/>
      <c r="AD56" s="21"/>
    </row>
    <row r="57" spans="1:30" ht="24.95" customHeight="1" x14ac:dyDescent="0.4">
      <c r="A57" s="15">
        <v>53</v>
      </c>
      <c r="B57" s="16"/>
      <c r="C57" s="17"/>
      <c r="D57" s="16"/>
      <c r="E57" s="17"/>
      <c r="F57" s="18"/>
      <c r="G57" s="19"/>
      <c r="H57" s="19"/>
      <c r="I57" s="14"/>
      <c r="J57" s="14"/>
      <c r="K57" s="20"/>
      <c r="L57" s="20"/>
      <c r="M57" s="20"/>
      <c r="N57" s="20"/>
      <c r="O57" s="14"/>
      <c r="P57" s="21"/>
      <c r="Q57" s="14"/>
      <c r="R57" s="18"/>
      <c r="S57" s="14"/>
      <c r="T57" s="14"/>
      <c r="U57" s="14"/>
      <c r="V57" s="14"/>
      <c r="W57" s="14"/>
      <c r="X57" s="18"/>
      <c r="Y57" s="14"/>
      <c r="Z57" s="14"/>
      <c r="AA57" s="14"/>
      <c r="AB57" s="14"/>
      <c r="AC57" s="14"/>
      <c r="AD57" s="21"/>
    </row>
    <row r="58" spans="1:30" ht="24.95" customHeight="1" x14ac:dyDescent="0.4">
      <c r="A58" s="15">
        <v>54</v>
      </c>
      <c r="B58" s="16"/>
      <c r="C58" s="17"/>
      <c r="D58" s="16"/>
      <c r="E58" s="17"/>
      <c r="F58" s="18"/>
      <c r="G58" s="19"/>
      <c r="H58" s="19"/>
      <c r="I58" s="14"/>
      <c r="J58" s="14"/>
      <c r="K58" s="20"/>
      <c r="L58" s="20"/>
      <c r="M58" s="20"/>
      <c r="N58" s="20"/>
      <c r="O58" s="14"/>
      <c r="P58" s="21"/>
      <c r="Q58" s="14"/>
      <c r="R58" s="18"/>
      <c r="S58" s="14"/>
      <c r="T58" s="14"/>
      <c r="U58" s="14"/>
      <c r="V58" s="14"/>
      <c r="W58" s="14"/>
      <c r="X58" s="18"/>
      <c r="Y58" s="14"/>
      <c r="Z58" s="14"/>
      <c r="AA58" s="14"/>
      <c r="AB58" s="14"/>
      <c r="AC58" s="14"/>
      <c r="AD58" s="21"/>
    </row>
    <row r="59" spans="1:30" ht="24.95" customHeight="1" x14ac:dyDescent="0.4">
      <c r="A59" s="15">
        <v>55</v>
      </c>
      <c r="B59" s="16"/>
      <c r="C59" s="17"/>
      <c r="D59" s="16"/>
      <c r="E59" s="17"/>
      <c r="F59" s="18"/>
      <c r="G59" s="19"/>
      <c r="H59" s="19"/>
      <c r="I59" s="14"/>
      <c r="J59" s="14"/>
      <c r="K59" s="20"/>
      <c r="L59" s="20"/>
      <c r="M59" s="20"/>
      <c r="N59" s="20"/>
      <c r="O59" s="14"/>
      <c r="P59" s="21"/>
      <c r="Q59" s="14"/>
      <c r="R59" s="18"/>
      <c r="S59" s="14"/>
      <c r="T59" s="14"/>
      <c r="U59" s="14"/>
      <c r="V59" s="14"/>
      <c r="W59" s="14"/>
      <c r="X59" s="18"/>
      <c r="Y59" s="14"/>
      <c r="Z59" s="14"/>
      <c r="AA59" s="14"/>
      <c r="AB59" s="14"/>
      <c r="AC59" s="14"/>
      <c r="AD59" s="21"/>
    </row>
    <row r="60" spans="1:30" ht="24.95" customHeight="1" x14ac:dyDescent="0.4">
      <c r="A60" s="15">
        <v>56</v>
      </c>
      <c r="B60" s="16"/>
      <c r="C60" s="17"/>
      <c r="D60" s="16"/>
      <c r="E60" s="17"/>
      <c r="F60" s="18"/>
      <c r="G60" s="19"/>
      <c r="H60" s="19"/>
      <c r="I60" s="14"/>
      <c r="J60" s="14"/>
      <c r="K60" s="20"/>
      <c r="L60" s="20"/>
      <c r="M60" s="20"/>
      <c r="N60" s="20"/>
      <c r="O60" s="14"/>
      <c r="P60" s="21"/>
      <c r="Q60" s="14"/>
      <c r="R60" s="18"/>
      <c r="S60" s="14"/>
      <c r="T60" s="14"/>
      <c r="U60" s="14"/>
      <c r="V60" s="14"/>
      <c r="W60" s="14"/>
      <c r="X60" s="18"/>
      <c r="Y60" s="14"/>
      <c r="Z60" s="14"/>
      <c r="AA60" s="14"/>
      <c r="AB60" s="14"/>
      <c r="AC60" s="14"/>
      <c r="AD60" s="21"/>
    </row>
    <row r="61" spans="1:30" ht="24.95" customHeight="1" x14ac:dyDescent="0.4">
      <c r="A61" s="15">
        <v>57</v>
      </c>
      <c r="B61" s="16"/>
      <c r="C61" s="17"/>
      <c r="D61" s="16"/>
      <c r="E61" s="17"/>
      <c r="F61" s="18"/>
      <c r="G61" s="19"/>
      <c r="H61" s="19"/>
      <c r="I61" s="14"/>
      <c r="J61" s="14"/>
      <c r="K61" s="20"/>
      <c r="L61" s="20"/>
      <c r="M61" s="20"/>
      <c r="N61" s="20"/>
      <c r="O61" s="14"/>
      <c r="P61" s="21"/>
      <c r="Q61" s="14"/>
      <c r="R61" s="18"/>
      <c r="S61" s="14"/>
      <c r="T61" s="14"/>
      <c r="U61" s="14"/>
      <c r="V61" s="14"/>
      <c r="W61" s="14"/>
      <c r="X61" s="18"/>
      <c r="Y61" s="14"/>
      <c r="Z61" s="14"/>
      <c r="AA61" s="14"/>
      <c r="AB61" s="14"/>
      <c r="AC61" s="14"/>
      <c r="AD61" s="21"/>
    </row>
    <row r="62" spans="1:30" ht="24.95" customHeight="1" x14ac:dyDescent="0.4">
      <c r="A62" s="15">
        <v>58</v>
      </c>
      <c r="B62" s="16"/>
      <c r="C62" s="17"/>
      <c r="D62" s="16"/>
      <c r="E62" s="17"/>
      <c r="F62" s="18"/>
      <c r="G62" s="19"/>
      <c r="H62" s="19"/>
      <c r="I62" s="14"/>
      <c r="J62" s="14"/>
      <c r="K62" s="20"/>
      <c r="L62" s="20"/>
      <c r="M62" s="20"/>
      <c r="N62" s="20"/>
      <c r="O62" s="14"/>
      <c r="P62" s="21"/>
      <c r="Q62" s="14"/>
      <c r="R62" s="18"/>
      <c r="S62" s="14"/>
      <c r="T62" s="14"/>
      <c r="U62" s="14"/>
      <c r="V62" s="14"/>
      <c r="W62" s="14"/>
      <c r="X62" s="18"/>
      <c r="Y62" s="14"/>
      <c r="Z62" s="14"/>
      <c r="AA62" s="14"/>
      <c r="AB62" s="14"/>
      <c r="AC62" s="14"/>
      <c r="AD62" s="21"/>
    </row>
    <row r="63" spans="1:30" ht="24.95" customHeight="1" x14ac:dyDescent="0.4">
      <c r="A63" s="15">
        <v>59</v>
      </c>
      <c r="B63" s="16"/>
      <c r="C63" s="17"/>
      <c r="D63" s="16"/>
      <c r="E63" s="17"/>
      <c r="F63" s="18"/>
      <c r="G63" s="19"/>
      <c r="H63" s="19"/>
      <c r="I63" s="14"/>
      <c r="J63" s="14"/>
      <c r="K63" s="20"/>
      <c r="L63" s="20"/>
      <c r="M63" s="20"/>
      <c r="N63" s="20"/>
      <c r="O63" s="14"/>
      <c r="P63" s="21"/>
      <c r="Q63" s="14"/>
      <c r="R63" s="18"/>
      <c r="S63" s="14"/>
      <c r="T63" s="14"/>
      <c r="U63" s="14"/>
      <c r="V63" s="14"/>
      <c r="W63" s="14"/>
      <c r="X63" s="18"/>
      <c r="Y63" s="14"/>
      <c r="Z63" s="14"/>
      <c r="AA63" s="14"/>
      <c r="AB63" s="14"/>
      <c r="AC63" s="14"/>
      <c r="AD63" s="21"/>
    </row>
    <row r="64" spans="1:30" ht="24.95" customHeight="1" x14ac:dyDescent="0.4">
      <c r="A64" s="15">
        <v>60</v>
      </c>
      <c r="B64" s="16"/>
      <c r="C64" s="17"/>
      <c r="D64" s="16"/>
      <c r="E64" s="17"/>
      <c r="F64" s="18"/>
      <c r="G64" s="19"/>
      <c r="H64" s="19"/>
      <c r="I64" s="14"/>
      <c r="J64" s="14"/>
      <c r="K64" s="20"/>
      <c r="L64" s="20"/>
      <c r="M64" s="20"/>
      <c r="N64" s="20"/>
      <c r="O64" s="14"/>
      <c r="P64" s="21"/>
      <c r="Q64" s="14"/>
      <c r="R64" s="18"/>
      <c r="S64" s="14"/>
      <c r="T64" s="14"/>
      <c r="U64" s="14"/>
      <c r="V64" s="14"/>
      <c r="W64" s="14"/>
      <c r="X64" s="18"/>
      <c r="Y64" s="14"/>
      <c r="Z64" s="14"/>
      <c r="AA64" s="14"/>
      <c r="AB64" s="14"/>
      <c r="AC64" s="14"/>
      <c r="AD64" s="21"/>
    </row>
    <row r="65" spans="1:30" ht="24.95" customHeight="1" x14ac:dyDescent="0.4">
      <c r="A65" s="15">
        <v>61</v>
      </c>
      <c r="B65" s="16"/>
      <c r="C65" s="17"/>
      <c r="D65" s="16"/>
      <c r="E65" s="17"/>
      <c r="F65" s="18"/>
      <c r="G65" s="19"/>
      <c r="H65" s="19"/>
      <c r="I65" s="14"/>
      <c r="J65" s="14"/>
      <c r="K65" s="20"/>
      <c r="L65" s="20"/>
      <c r="M65" s="20"/>
      <c r="N65" s="20"/>
      <c r="O65" s="14"/>
      <c r="P65" s="21"/>
      <c r="Q65" s="14"/>
      <c r="R65" s="18"/>
      <c r="S65" s="14"/>
      <c r="T65" s="14"/>
      <c r="U65" s="14"/>
      <c r="V65" s="14"/>
      <c r="W65" s="14"/>
      <c r="X65" s="18"/>
      <c r="Y65" s="14"/>
      <c r="Z65" s="14"/>
      <c r="AA65" s="14"/>
      <c r="AB65" s="14"/>
      <c r="AC65" s="14"/>
      <c r="AD65" s="21"/>
    </row>
    <row r="66" spans="1:30" ht="24.95" customHeight="1" x14ac:dyDescent="0.4">
      <c r="A66" s="15">
        <v>62</v>
      </c>
      <c r="B66" s="16"/>
      <c r="C66" s="17"/>
      <c r="D66" s="16"/>
      <c r="E66" s="17"/>
      <c r="F66" s="18"/>
      <c r="G66" s="19"/>
      <c r="H66" s="19"/>
      <c r="I66" s="14"/>
      <c r="J66" s="14"/>
      <c r="K66" s="20"/>
      <c r="L66" s="20"/>
      <c r="M66" s="20"/>
      <c r="N66" s="20"/>
      <c r="O66" s="14"/>
      <c r="P66" s="21"/>
      <c r="Q66" s="14"/>
      <c r="R66" s="18"/>
      <c r="S66" s="14"/>
      <c r="T66" s="14"/>
      <c r="U66" s="14"/>
      <c r="V66" s="14"/>
      <c r="W66" s="14"/>
      <c r="X66" s="18"/>
      <c r="Y66" s="14"/>
      <c r="Z66" s="14"/>
      <c r="AA66" s="14"/>
      <c r="AB66" s="14"/>
      <c r="AC66" s="14"/>
      <c r="AD66" s="21"/>
    </row>
    <row r="67" spans="1:30" ht="24.95" customHeight="1" x14ac:dyDescent="0.4">
      <c r="A67" s="15">
        <v>63</v>
      </c>
      <c r="B67" s="16"/>
      <c r="C67" s="17"/>
      <c r="D67" s="16"/>
      <c r="E67" s="17"/>
      <c r="F67" s="18"/>
      <c r="G67" s="19"/>
      <c r="H67" s="19"/>
      <c r="I67" s="14"/>
      <c r="J67" s="14"/>
      <c r="K67" s="20"/>
      <c r="L67" s="20"/>
      <c r="M67" s="20"/>
      <c r="N67" s="20"/>
      <c r="O67" s="14"/>
      <c r="P67" s="21"/>
      <c r="Q67" s="14"/>
      <c r="R67" s="18"/>
      <c r="S67" s="14"/>
      <c r="T67" s="14"/>
      <c r="U67" s="14"/>
      <c r="V67" s="14"/>
      <c r="W67" s="14"/>
      <c r="X67" s="18"/>
      <c r="Y67" s="14"/>
      <c r="Z67" s="14"/>
      <c r="AA67" s="14"/>
      <c r="AB67" s="14"/>
      <c r="AC67" s="14"/>
      <c r="AD67" s="21"/>
    </row>
    <row r="68" spans="1:30" ht="24.95" customHeight="1" x14ac:dyDescent="0.4">
      <c r="A68" s="15">
        <v>64</v>
      </c>
      <c r="B68" s="16"/>
      <c r="C68" s="17"/>
      <c r="D68" s="16"/>
      <c r="E68" s="17"/>
      <c r="F68" s="18"/>
      <c r="G68" s="19"/>
      <c r="H68" s="19"/>
      <c r="I68" s="14"/>
      <c r="J68" s="14"/>
      <c r="K68" s="20"/>
      <c r="L68" s="20"/>
      <c r="M68" s="20"/>
      <c r="N68" s="20"/>
      <c r="O68" s="14"/>
      <c r="P68" s="21"/>
      <c r="Q68" s="14"/>
      <c r="R68" s="18"/>
      <c r="S68" s="14"/>
      <c r="T68" s="14"/>
      <c r="U68" s="14"/>
      <c r="V68" s="14"/>
      <c r="W68" s="14"/>
      <c r="X68" s="18"/>
      <c r="Y68" s="14"/>
      <c r="Z68" s="14"/>
      <c r="AA68" s="14"/>
      <c r="AB68" s="14"/>
      <c r="AC68" s="14"/>
      <c r="AD68" s="21"/>
    </row>
    <row r="69" spans="1:30" ht="24.95" customHeight="1" x14ac:dyDescent="0.4">
      <c r="A69" s="15">
        <v>65</v>
      </c>
      <c r="B69" s="16"/>
      <c r="C69" s="17"/>
      <c r="D69" s="16"/>
      <c r="E69" s="17"/>
      <c r="F69" s="18"/>
      <c r="G69" s="19"/>
      <c r="H69" s="19"/>
      <c r="I69" s="14"/>
      <c r="J69" s="14"/>
      <c r="K69" s="20"/>
      <c r="L69" s="20"/>
      <c r="M69" s="20"/>
      <c r="N69" s="20"/>
      <c r="O69" s="14"/>
      <c r="P69" s="21"/>
      <c r="Q69" s="14"/>
      <c r="R69" s="18"/>
      <c r="S69" s="14"/>
      <c r="T69" s="14"/>
      <c r="U69" s="14"/>
      <c r="V69" s="14"/>
      <c r="W69" s="14"/>
      <c r="X69" s="18"/>
      <c r="Y69" s="14"/>
      <c r="Z69" s="14"/>
      <c r="AA69" s="14"/>
      <c r="AB69" s="14"/>
      <c r="AC69" s="14"/>
      <c r="AD69" s="21"/>
    </row>
    <row r="70" spans="1:30" ht="24.95" customHeight="1" x14ac:dyDescent="0.4">
      <c r="A70" s="15">
        <v>66</v>
      </c>
      <c r="B70" s="16"/>
      <c r="C70" s="17"/>
      <c r="D70" s="16"/>
      <c r="E70" s="17"/>
      <c r="F70" s="18"/>
      <c r="G70" s="19"/>
      <c r="H70" s="19"/>
      <c r="I70" s="14"/>
      <c r="J70" s="14"/>
      <c r="K70" s="20"/>
      <c r="L70" s="20"/>
      <c r="M70" s="20"/>
      <c r="N70" s="20"/>
      <c r="O70" s="14"/>
      <c r="P70" s="21"/>
      <c r="Q70" s="14"/>
      <c r="R70" s="18"/>
      <c r="S70" s="14"/>
      <c r="T70" s="14"/>
      <c r="U70" s="14"/>
      <c r="V70" s="14"/>
      <c r="W70" s="14"/>
      <c r="X70" s="18"/>
      <c r="Y70" s="14"/>
      <c r="Z70" s="14"/>
      <c r="AA70" s="14"/>
      <c r="AB70" s="14"/>
      <c r="AC70" s="14"/>
      <c r="AD70" s="21"/>
    </row>
    <row r="71" spans="1:30" ht="24.95" customHeight="1" x14ac:dyDescent="0.4">
      <c r="A71" s="15">
        <v>67</v>
      </c>
      <c r="B71" s="16"/>
      <c r="C71" s="17"/>
      <c r="D71" s="16"/>
      <c r="E71" s="17"/>
      <c r="F71" s="18"/>
      <c r="G71" s="19"/>
      <c r="H71" s="19"/>
      <c r="I71" s="14"/>
      <c r="J71" s="14"/>
      <c r="K71" s="20"/>
      <c r="L71" s="20"/>
      <c r="M71" s="20"/>
      <c r="N71" s="20"/>
      <c r="O71" s="14"/>
      <c r="P71" s="21"/>
      <c r="Q71" s="14"/>
      <c r="R71" s="18"/>
      <c r="S71" s="14"/>
      <c r="T71" s="14"/>
      <c r="U71" s="14"/>
      <c r="V71" s="14"/>
      <c r="W71" s="14"/>
      <c r="X71" s="18"/>
      <c r="Y71" s="14"/>
      <c r="Z71" s="14"/>
      <c r="AA71" s="14"/>
      <c r="AB71" s="14"/>
      <c r="AC71" s="14"/>
      <c r="AD71" s="21"/>
    </row>
    <row r="72" spans="1:30" ht="24.95" customHeight="1" x14ac:dyDescent="0.4">
      <c r="A72" s="15">
        <v>68</v>
      </c>
      <c r="B72" s="16"/>
      <c r="C72" s="17"/>
      <c r="D72" s="16"/>
      <c r="E72" s="17"/>
      <c r="F72" s="18"/>
      <c r="G72" s="19"/>
      <c r="H72" s="19"/>
      <c r="I72" s="14"/>
      <c r="J72" s="14"/>
      <c r="K72" s="20"/>
      <c r="L72" s="20"/>
      <c r="M72" s="20"/>
      <c r="N72" s="20"/>
      <c r="O72" s="14"/>
      <c r="P72" s="21"/>
      <c r="Q72" s="14"/>
      <c r="R72" s="18"/>
      <c r="S72" s="14"/>
      <c r="T72" s="14"/>
      <c r="U72" s="14"/>
      <c r="V72" s="14"/>
      <c r="W72" s="14"/>
      <c r="X72" s="18"/>
      <c r="Y72" s="14"/>
      <c r="Z72" s="14"/>
      <c r="AA72" s="14"/>
      <c r="AB72" s="14"/>
      <c r="AC72" s="14"/>
      <c r="AD72" s="21"/>
    </row>
    <row r="73" spans="1:30" ht="24.95" customHeight="1" x14ac:dyDescent="0.4">
      <c r="A73" s="15">
        <v>69</v>
      </c>
      <c r="B73" s="16"/>
      <c r="C73" s="17"/>
      <c r="D73" s="16"/>
      <c r="E73" s="17"/>
      <c r="F73" s="18"/>
      <c r="G73" s="19"/>
      <c r="H73" s="19"/>
      <c r="I73" s="14"/>
      <c r="J73" s="14"/>
      <c r="K73" s="20"/>
      <c r="L73" s="20"/>
      <c r="M73" s="20"/>
      <c r="N73" s="20"/>
      <c r="O73" s="14"/>
      <c r="P73" s="21"/>
      <c r="Q73" s="14"/>
      <c r="R73" s="18"/>
      <c r="S73" s="14"/>
      <c r="T73" s="14"/>
      <c r="U73" s="14"/>
      <c r="V73" s="14"/>
      <c r="W73" s="14"/>
      <c r="X73" s="18"/>
      <c r="Y73" s="14"/>
      <c r="Z73" s="14"/>
      <c r="AA73" s="14"/>
      <c r="AB73" s="14"/>
      <c r="AC73" s="14"/>
      <c r="AD73" s="21"/>
    </row>
    <row r="74" spans="1:30" ht="24.95" customHeight="1" x14ac:dyDescent="0.4">
      <c r="A74" s="15">
        <v>70</v>
      </c>
      <c r="B74" s="16"/>
      <c r="C74" s="17"/>
      <c r="D74" s="16"/>
      <c r="E74" s="17"/>
      <c r="F74" s="18"/>
      <c r="G74" s="19"/>
      <c r="H74" s="19"/>
      <c r="I74" s="14"/>
      <c r="J74" s="14"/>
      <c r="K74" s="20"/>
      <c r="L74" s="20"/>
      <c r="M74" s="20"/>
      <c r="N74" s="20"/>
      <c r="O74" s="14"/>
      <c r="P74" s="21"/>
      <c r="Q74" s="14"/>
      <c r="R74" s="18"/>
      <c r="S74" s="14"/>
      <c r="T74" s="14"/>
      <c r="U74" s="14"/>
      <c r="V74" s="14"/>
      <c r="W74" s="14"/>
      <c r="X74" s="18"/>
      <c r="Y74" s="14"/>
      <c r="Z74" s="14"/>
      <c r="AA74" s="14"/>
      <c r="AB74" s="14"/>
      <c r="AC74" s="14"/>
      <c r="AD74" s="21"/>
    </row>
    <row r="75" spans="1:30" ht="24.95" customHeight="1" x14ac:dyDescent="0.4">
      <c r="A75" s="15">
        <v>71</v>
      </c>
      <c r="B75" s="16"/>
      <c r="C75" s="17"/>
      <c r="D75" s="16"/>
      <c r="E75" s="17"/>
      <c r="F75" s="18"/>
      <c r="G75" s="19"/>
      <c r="H75" s="19"/>
      <c r="I75" s="14"/>
      <c r="J75" s="14"/>
      <c r="K75" s="20"/>
      <c r="L75" s="20"/>
      <c r="M75" s="20"/>
      <c r="N75" s="20"/>
      <c r="O75" s="14"/>
      <c r="P75" s="21"/>
      <c r="Q75" s="14"/>
      <c r="R75" s="18"/>
      <c r="S75" s="14"/>
      <c r="T75" s="14"/>
      <c r="U75" s="14"/>
      <c r="V75" s="14"/>
      <c r="W75" s="14"/>
      <c r="X75" s="18"/>
      <c r="Y75" s="14"/>
      <c r="Z75" s="14"/>
      <c r="AA75" s="14"/>
      <c r="AB75" s="14"/>
      <c r="AC75" s="14"/>
      <c r="AD75" s="21"/>
    </row>
    <row r="76" spans="1:30" ht="24.95" customHeight="1" x14ac:dyDescent="0.4">
      <c r="A76" s="15">
        <v>72</v>
      </c>
      <c r="B76" s="16"/>
      <c r="C76" s="17"/>
      <c r="D76" s="16"/>
      <c r="E76" s="17"/>
      <c r="F76" s="18"/>
      <c r="G76" s="19"/>
      <c r="H76" s="19"/>
      <c r="I76" s="14"/>
      <c r="J76" s="14"/>
      <c r="K76" s="20"/>
      <c r="L76" s="20"/>
      <c r="M76" s="20"/>
      <c r="N76" s="20"/>
      <c r="O76" s="14"/>
      <c r="P76" s="21"/>
      <c r="Q76" s="14"/>
      <c r="R76" s="18"/>
      <c r="S76" s="14"/>
      <c r="T76" s="14"/>
      <c r="U76" s="14"/>
      <c r="V76" s="14"/>
      <c r="W76" s="14"/>
      <c r="X76" s="18"/>
      <c r="Y76" s="14"/>
      <c r="Z76" s="14"/>
      <c r="AA76" s="14"/>
      <c r="AB76" s="14"/>
      <c r="AC76" s="14"/>
      <c r="AD76" s="21"/>
    </row>
    <row r="77" spans="1:30" ht="24.95" customHeight="1" x14ac:dyDescent="0.4">
      <c r="A77" s="15">
        <v>73</v>
      </c>
      <c r="B77" s="16"/>
      <c r="C77" s="17"/>
      <c r="D77" s="16"/>
      <c r="E77" s="17"/>
      <c r="F77" s="18"/>
      <c r="G77" s="19"/>
      <c r="H77" s="19"/>
      <c r="I77" s="14"/>
      <c r="J77" s="14"/>
      <c r="K77" s="20"/>
      <c r="L77" s="20"/>
      <c r="M77" s="20"/>
      <c r="N77" s="20"/>
      <c r="O77" s="14"/>
      <c r="P77" s="21"/>
      <c r="Q77" s="14"/>
      <c r="R77" s="18"/>
      <c r="S77" s="14"/>
      <c r="T77" s="14"/>
      <c r="U77" s="14"/>
      <c r="V77" s="14"/>
      <c r="W77" s="14"/>
      <c r="X77" s="18"/>
      <c r="Y77" s="14"/>
      <c r="Z77" s="14"/>
      <c r="AA77" s="14"/>
      <c r="AB77" s="14"/>
      <c r="AC77" s="14"/>
      <c r="AD77" s="21"/>
    </row>
    <row r="78" spans="1:30" ht="24.95" customHeight="1" x14ac:dyDescent="0.4">
      <c r="A78" s="15">
        <v>74</v>
      </c>
      <c r="B78" s="16"/>
      <c r="C78" s="17"/>
      <c r="D78" s="16"/>
      <c r="E78" s="17"/>
      <c r="F78" s="18"/>
      <c r="G78" s="19"/>
      <c r="H78" s="19"/>
      <c r="I78" s="14"/>
      <c r="J78" s="14"/>
      <c r="K78" s="20"/>
      <c r="L78" s="20"/>
      <c r="M78" s="20"/>
      <c r="N78" s="20"/>
      <c r="O78" s="14"/>
      <c r="P78" s="21"/>
      <c r="Q78" s="14"/>
      <c r="R78" s="18"/>
      <c r="S78" s="14"/>
      <c r="T78" s="14"/>
      <c r="U78" s="14"/>
      <c r="V78" s="14"/>
      <c r="W78" s="14"/>
      <c r="X78" s="18"/>
      <c r="Y78" s="14"/>
      <c r="Z78" s="14"/>
      <c r="AA78" s="14"/>
      <c r="AB78" s="14"/>
      <c r="AC78" s="14"/>
      <c r="AD78" s="21"/>
    </row>
    <row r="79" spans="1:30" ht="24.95" customHeight="1" x14ac:dyDescent="0.4">
      <c r="A79" s="15">
        <v>75</v>
      </c>
      <c r="B79" s="16"/>
      <c r="C79" s="17"/>
      <c r="D79" s="16"/>
      <c r="E79" s="17"/>
      <c r="F79" s="18"/>
      <c r="G79" s="19"/>
      <c r="H79" s="19"/>
      <c r="I79" s="14"/>
      <c r="J79" s="14"/>
      <c r="K79" s="20"/>
      <c r="L79" s="20"/>
      <c r="M79" s="20"/>
      <c r="N79" s="20"/>
      <c r="O79" s="14"/>
      <c r="P79" s="21"/>
      <c r="Q79" s="14"/>
      <c r="R79" s="18"/>
      <c r="S79" s="14"/>
      <c r="T79" s="14"/>
      <c r="U79" s="14"/>
      <c r="V79" s="14"/>
      <c r="W79" s="14"/>
      <c r="X79" s="18"/>
      <c r="Y79" s="14"/>
      <c r="Z79" s="14"/>
      <c r="AA79" s="14"/>
      <c r="AB79" s="14"/>
      <c r="AC79" s="14"/>
      <c r="AD79" s="21"/>
    </row>
    <row r="80" spans="1:30" ht="24.95" customHeight="1" x14ac:dyDescent="0.4">
      <c r="A80" s="15">
        <v>76</v>
      </c>
      <c r="B80" s="16"/>
      <c r="C80" s="17"/>
      <c r="D80" s="16"/>
      <c r="E80" s="17"/>
      <c r="F80" s="18"/>
      <c r="G80" s="19"/>
      <c r="H80" s="19"/>
      <c r="I80" s="14"/>
      <c r="J80" s="14"/>
      <c r="K80" s="20"/>
      <c r="L80" s="20"/>
      <c r="M80" s="20"/>
      <c r="N80" s="20"/>
      <c r="O80" s="14"/>
      <c r="P80" s="21"/>
      <c r="Q80" s="14"/>
      <c r="R80" s="18"/>
      <c r="S80" s="14"/>
      <c r="T80" s="14"/>
      <c r="U80" s="14"/>
      <c r="V80" s="14"/>
      <c r="W80" s="14"/>
      <c r="X80" s="18"/>
      <c r="Y80" s="14"/>
      <c r="Z80" s="14"/>
      <c r="AA80" s="14"/>
      <c r="AB80" s="14"/>
      <c r="AC80" s="14"/>
      <c r="AD80" s="21"/>
    </row>
    <row r="81" spans="1:30" ht="24.95" customHeight="1" x14ac:dyDescent="0.4">
      <c r="A81" s="15">
        <v>77</v>
      </c>
      <c r="B81" s="16"/>
      <c r="C81" s="17"/>
      <c r="D81" s="16"/>
      <c r="E81" s="17"/>
      <c r="F81" s="18"/>
      <c r="G81" s="19"/>
      <c r="H81" s="19"/>
      <c r="I81" s="14"/>
      <c r="J81" s="14"/>
      <c r="K81" s="20"/>
      <c r="L81" s="20"/>
      <c r="M81" s="20"/>
      <c r="N81" s="20"/>
      <c r="O81" s="14"/>
      <c r="P81" s="21"/>
      <c r="Q81" s="14"/>
      <c r="R81" s="18"/>
      <c r="S81" s="14"/>
      <c r="T81" s="14"/>
      <c r="U81" s="14"/>
      <c r="V81" s="14"/>
      <c r="W81" s="14"/>
      <c r="X81" s="18"/>
      <c r="Y81" s="14"/>
      <c r="Z81" s="14"/>
      <c r="AA81" s="14"/>
      <c r="AB81" s="14"/>
      <c r="AC81" s="14"/>
      <c r="AD81" s="21"/>
    </row>
    <row r="82" spans="1:30" ht="24.95" customHeight="1" x14ac:dyDescent="0.4">
      <c r="A82" s="15">
        <v>78</v>
      </c>
      <c r="B82" s="16"/>
      <c r="C82" s="17"/>
      <c r="D82" s="16"/>
      <c r="E82" s="17"/>
      <c r="F82" s="18"/>
      <c r="G82" s="19"/>
      <c r="H82" s="19"/>
      <c r="I82" s="14"/>
      <c r="J82" s="14"/>
      <c r="K82" s="20"/>
      <c r="L82" s="20"/>
      <c r="M82" s="20"/>
      <c r="N82" s="20"/>
      <c r="O82" s="14"/>
      <c r="P82" s="21"/>
      <c r="Q82" s="14"/>
      <c r="R82" s="18"/>
      <c r="S82" s="14"/>
      <c r="T82" s="14"/>
      <c r="U82" s="14"/>
      <c r="V82" s="14"/>
      <c r="W82" s="14"/>
      <c r="X82" s="18"/>
      <c r="Y82" s="14"/>
      <c r="Z82" s="14"/>
      <c r="AA82" s="14"/>
      <c r="AB82" s="14"/>
      <c r="AC82" s="14"/>
      <c r="AD82" s="21"/>
    </row>
    <row r="83" spans="1:30" ht="24.95" customHeight="1" x14ac:dyDescent="0.4">
      <c r="A83" s="15">
        <v>79</v>
      </c>
      <c r="B83" s="16"/>
      <c r="C83" s="17"/>
      <c r="D83" s="16"/>
      <c r="E83" s="17"/>
      <c r="F83" s="18"/>
      <c r="G83" s="19"/>
      <c r="H83" s="19"/>
      <c r="I83" s="14"/>
      <c r="J83" s="14"/>
      <c r="K83" s="20"/>
      <c r="L83" s="20"/>
      <c r="M83" s="20"/>
      <c r="N83" s="20"/>
      <c r="O83" s="14"/>
      <c r="P83" s="21"/>
      <c r="Q83" s="14"/>
      <c r="R83" s="18"/>
      <c r="S83" s="14"/>
      <c r="T83" s="14"/>
      <c r="U83" s="14"/>
      <c r="V83" s="14"/>
      <c r="W83" s="14"/>
      <c r="X83" s="18"/>
      <c r="Y83" s="14"/>
      <c r="Z83" s="14"/>
      <c r="AA83" s="14"/>
      <c r="AB83" s="14"/>
      <c r="AC83" s="14"/>
      <c r="AD83" s="21"/>
    </row>
    <row r="84" spans="1:30" ht="24.95" customHeight="1" x14ac:dyDescent="0.4">
      <c r="A84" s="15">
        <v>80</v>
      </c>
      <c r="B84" s="16"/>
      <c r="C84" s="17"/>
      <c r="D84" s="16"/>
      <c r="E84" s="17"/>
      <c r="F84" s="18"/>
      <c r="G84" s="19"/>
      <c r="H84" s="19"/>
      <c r="I84" s="14"/>
      <c r="J84" s="14"/>
      <c r="K84" s="20"/>
      <c r="L84" s="20"/>
      <c r="M84" s="20"/>
      <c r="N84" s="20"/>
      <c r="O84" s="14"/>
      <c r="P84" s="21"/>
      <c r="Q84" s="14"/>
      <c r="R84" s="18"/>
      <c r="S84" s="14"/>
      <c r="T84" s="14"/>
      <c r="U84" s="14"/>
      <c r="V84" s="14"/>
      <c r="W84" s="14"/>
      <c r="X84" s="18"/>
      <c r="Y84" s="14"/>
      <c r="Z84" s="14"/>
      <c r="AA84" s="14"/>
      <c r="AB84" s="14"/>
      <c r="AC84" s="14"/>
      <c r="AD84" s="21"/>
    </row>
    <row r="85" spans="1:30" ht="24.95" customHeight="1" x14ac:dyDescent="0.4">
      <c r="A85" s="15">
        <v>81</v>
      </c>
      <c r="B85" s="16"/>
      <c r="C85" s="17"/>
      <c r="D85" s="16"/>
      <c r="E85" s="17"/>
      <c r="F85" s="18"/>
      <c r="G85" s="19"/>
      <c r="H85" s="19"/>
      <c r="I85" s="14"/>
      <c r="J85" s="14"/>
      <c r="K85" s="20"/>
      <c r="L85" s="20"/>
      <c r="M85" s="20"/>
      <c r="N85" s="20"/>
      <c r="O85" s="14"/>
      <c r="P85" s="21"/>
      <c r="Q85" s="14"/>
      <c r="R85" s="18"/>
      <c r="S85" s="14"/>
      <c r="T85" s="14"/>
      <c r="U85" s="14"/>
      <c r="V85" s="14"/>
      <c r="W85" s="14"/>
      <c r="X85" s="18"/>
      <c r="Y85" s="14"/>
      <c r="Z85" s="14"/>
      <c r="AA85" s="14"/>
      <c r="AB85" s="14"/>
      <c r="AC85" s="14"/>
      <c r="AD85" s="21"/>
    </row>
    <row r="86" spans="1:30" ht="24.95" customHeight="1" x14ac:dyDescent="0.4">
      <c r="A86" s="15">
        <v>82</v>
      </c>
      <c r="B86" s="16"/>
      <c r="C86" s="17"/>
      <c r="D86" s="16"/>
      <c r="E86" s="17"/>
      <c r="F86" s="18"/>
      <c r="G86" s="19"/>
      <c r="H86" s="19"/>
      <c r="I86" s="14"/>
      <c r="J86" s="14"/>
      <c r="K86" s="20"/>
      <c r="L86" s="20"/>
      <c r="M86" s="20"/>
      <c r="N86" s="20"/>
      <c r="O86" s="14"/>
      <c r="P86" s="21"/>
      <c r="Q86" s="14"/>
      <c r="R86" s="18"/>
      <c r="S86" s="14"/>
      <c r="T86" s="14"/>
      <c r="U86" s="14"/>
      <c r="V86" s="14"/>
      <c r="W86" s="14"/>
      <c r="X86" s="18"/>
      <c r="Y86" s="14"/>
      <c r="Z86" s="14"/>
      <c r="AA86" s="14"/>
      <c r="AB86" s="14"/>
      <c r="AC86" s="14"/>
      <c r="AD86" s="21"/>
    </row>
    <row r="87" spans="1:30" ht="24.95" customHeight="1" x14ac:dyDescent="0.4">
      <c r="A87" s="15">
        <v>83</v>
      </c>
      <c r="B87" s="16"/>
      <c r="C87" s="17"/>
      <c r="D87" s="16"/>
      <c r="E87" s="17"/>
      <c r="F87" s="18"/>
      <c r="G87" s="19"/>
      <c r="H87" s="19"/>
      <c r="I87" s="14"/>
      <c r="J87" s="14"/>
      <c r="K87" s="20"/>
      <c r="L87" s="20"/>
      <c r="M87" s="20"/>
      <c r="N87" s="20"/>
      <c r="O87" s="14"/>
      <c r="P87" s="21"/>
      <c r="Q87" s="14"/>
      <c r="R87" s="18"/>
      <c r="S87" s="14"/>
      <c r="T87" s="14"/>
      <c r="U87" s="14"/>
      <c r="V87" s="14"/>
      <c r="W87" s="14"/>
      <c r="X87" s="18"/>
      <c r="Y87" s="14"/>
      <c r="Z87" s="14"/>
      <c r="AA87" s="14"/>
      <c r="AB87" s="14"/>
      <c r="AC87" s="14"/>
      <c r="AD87" s="21"/>
    </row>
    <row r="88" spans="1:30" ht="24.95" customHeight="1" x14ac:dyDescent="0.4">
      <c r="A88" s="15">
        <v>84</v>
      </c>
      <c r="B88" s="16"/>
      <c r="C88" s="17"/>
      <c r="D88" s="16"/>
      <c r="E88" s="17"/>
      <c r="F88" s="18"/>
      <c r="G88" s="19"/>
      <c r="H88" s="19"/>
      <c r="I88" s="14"/>
      <c r="J88" s="14"/>
      <c r="K88" s="20"/>
      <c r="L88" s="20"/>
      <c r="M88" s="20"/>
      <c r="N88" s="20"/>
      <c r="O88" s="14"/>
      <c r="P88" s="21"/>
      <c r="Q88" s="14"/>
      <c r="R88" s="18"/>
      <c r="S88" s="14"/>
      <c r="T88" s="14"/>
      <c r="U88" s="14"/>
      <c r="V88" s="14"/>
      <c r="W88" s="14"/>
      <c r="X88" s="18"/>
      <c r="Y88" s="14"/>
      <c r="Z88" s="14"/>
      <c r="AA88" s="14"/>
      <c r="AB88" s="14"/>
      <c r="AC88" s="14"/>
      <c r="AD88" s="21"/>
    </row>
    <row r="89" spans="1:30" ht="24.95" customHeight="1" x14ac:dyDescent="0.4">
      <c r="A89" s="15">
        <v>85</v>
      </c>
      <c r="B89" s="16"/>
      <c r="C89" s="17"/>
      <c r="D89" s="16"/>
      <c r="E89" s="17"/>
      <c r="F89" s="18"/>
      <c r="G89" s="19"/>
      <c r="H89" s="19"/>
      <c r="I89" s="14"/>
      <c r="J89" s="14"/>
      <c r="K89" s="20"/>
      <c r="L89" s="20"/>
      <c r="M89" s="20"/>
      <c r="N89" s="20"/>
      <c r="O89" s="14"/>
      <c r="P89" s="21"/>
      <c r="Q89" s="14"/>
      <c r="R89" s="18"/>
      <c r="S89" s="14"/>
      <c r="T89" s="14"/>
      <c r="U89" s="14"/>
      <c r="V89" s="14"/>
      <c r="W89" s="14"/>
      <c r="X89" s="18"/>
      <c r="Y89" s="14"/>
      <c r="Z89" s="14"/>
      <c r="AA89" s="14"/>
      <c r="AB89" s="14"/>
      <c r="AC89" s="14"/>
      <c r="AD89" s="21"/>
    </row>
    <row r="90" spans="1:30" ht="24.95" customHeight="1" x14ac:dyDescent="0.4">
      <c r="A90" s="15">
        <v>86</v>
      </c>
      <c r="B90" s="16"/>
      <c r="C90" s="17"/>
      <c r="D90" s="16"/>
      <c r="E90" s="17"/>
      <c r="F90" s="18"/>
      <c r="G90" s="19"/>
      <c r="H90" s="19"/>
      <c r="I90" s="14"/>
      <c r="J90" s="14"/>
      <c r="K90" s="20"/>
      <c r="L90" s="20"/>
      <c r="M90" s="20"/>
      <c r="N90" s="20"/>
      <c r="O90" s="14"/>
      <c r="P90" s="21"/>
      <c r="Q90" s="14"/>
      <c r="R90" s="18"/>
      <c r="S90" s="14"/>
      <c r="T90" s="14"/>
      <c r="U90" s="14"/>
      <c r="V90" s="14"/>
      <c r="W90" s="14"/>
      <c r="X90" s="18"/>
      <c r="Y90" s="14"/>
      <c r="Z90" s="14"/>
      <c r="AA90" s="14"/>
      <c r="AB90" s="14"/>
      <c r="AC90" s="14"/>
      <c r="AD90" s="21"/>
    </row>
    <row r="91" spans="1:30" ht="24.95" customHeight="1" x14ac:dyDescent="0.4">
      <c r="A91" s="15">
        <v>87</v>
      </c>
      <c r="B91" s="16"/>
      <c r="C91" s="17"/>
      <c r="D91" s="16"/>
      <c r="E91" s="17"/>
      <c r="F91" s="18"/>
      <c r="G91" s="19"/>
      <c r="H91" s="19"/>
      <c r="I91" s="14"/>
      <c r="J91" s="14"/>
      <c r="K91" s="20"/>
      <c r="L91" s="20"/>
      <c r="M91" s="20"/>
      <c r="N91" s="20"/>
      <c r="O91" s="14"/>
      <c r="P91" s="21"/>
      <c r="Q91" s="14"/>
      <c r="R91" s="18"/>
      <c r="S91" s="14"/>
      <c r="T91" s="14"/>
      <c r="U91" s="14"/>
      <c r="V91" s="14"/>
      <c r="W91" s="14"/>
      <c r="X91" s="18"/>
      <c r="Y91" s="14"/>
      <c r="Z91" s="14"/>
      <c r="AA91" s="14"/>
      <c r="AB91" s="14"/>
      <c r="AC91" s="14"/>
      <c r="AD91" s="21"/>
    </row>
    <row r="92" spans="1:30" ht="24.95" customHeight="1" x14ac:dyDescent="0.4">
      <c r="A92" s="15">
        <v>88</v>
      </c>
      <c r="B92" s="16"/>
      <c r="C92" s="17"/>
      <c r="D92" s="16"/>
      <c r="E92" s="17"/>
      <c r="F92" s="18"/>
      <c r="G92" s="19"/>
      <c r="H92" s="19"/>
      <c r="I92" s="14"/>
      <c r="J92" s="14"/>
      <c r="K92" s="20"/>
      <c r="L92" s="20"/>
      <c r="M92" s="20"/>
      <c r="N92" s="20"/>
      <c r="O92" s="14"/>
      <c r="P92" s="21"/>
      <c r="Q92" s="14"/>
      <c r="R92" s="18"/>
      <c r="S92" s="14"/>
      <c r="T92" s="14"/>
      <c r="U92" s="14"/>
      <c r="V92" s="14"/>
      <c r="W92" s="14"/>
      <c r="X92" s="18"/>
      <c r="Y92" s="14"/>
      <c r="Z92" s="14"/>
      <c r="AA92" s="14"/>
      <c r="AB92" s="14"/>
      <c r="AC92" s="14"/>
      <c r="AD92" s="21"/>
    </row>
    <row r="93" spans="1:30" ht="24.95" customHeight="1" x14ac:dyDescent="0.4">
      <c r="A93" s="15">
        <v>89</v>
      </c>
      <c r="B93" s="16"/>
      <c r="C93" s="17"/>
      <c r="D93" s="16"/>
      <c r="E93" s="17"/>
      <c r="F93" s="18"/>
      <c r="G93" s="19"/>
      <c r="H93" s="19"/>
      <c r="I93" s="14"/>
      <c r="J93" s="14"/>
      <c r="K93" s="20"/>
      <c r="L93" s="20"/>
      <c r="M93" s="20"/>
      <c r="N93" s="20"/>
      <c r="O93" s="14"/>
      <c r="P93" s="21"/>
      <c r="Q93" s="14"/>
      <c r="R93" s="18"/>
      <c r="S93" s="14"/>
      <c r="T93" s="14"/>
      <c r="U93" s="14"/>
      <c r="V93" s="14"/>
      <c r="W93" s="14"/>
      <c r="X93" s="18"/>
      <c r="Y93" s="14"/>
      <c r="Z93" s="14"/>
      <c r="AA93" s="14"/>
      <c r="AB93" s="14"/>
      <c r="AC93" s="14"/>
      <c r="AD93" s="21"/>
    </row>
    <row r="94" spans="1:30" ht="24.95" customHeight="1" x14ac:dyDescent="0.4">
      <c r="A94" s="15">
        <v>90</v>
      </c>
      <c r="B94" s="16"/>
      <c r="C94" s="17"/>
      <c r="D94" s="16"/>
      <c r="E94" s="17"/>
      <c r="F94" s="18"/>
      <c r="G94" s="19"/>
      <c r="H94" s="19"/>
      <c r="I94" s="14"/>
      <c r="J94" s="14"/>
      <c r="K94" s="20"/>
      <c r="L94" s="20"/>
      <c r="M94" s="20"/>
      <c r="N94" s="20"/>
      <c r="O94" s="14"/>
      <c r="P94" s="21"/>
      <c r="Q94" s="14"/>
      <c r="R94" s="18"/>
      <c r="S94" s="14"/>
      <c r="T94" s="14"/>
      <c r="U94" s="14"/>
      <c r="V94" s="14"/>
      <c r="W94" s="14"/>
      <c r="X94" s="18"/>
      <c r="Y94" s="14"/>
      <c r="Z94" s="14"/>
      <c r="AA94" s="14"/>
      <c r="AB94" s="14"/>
      <c r="AC94" s="14"/>
      <c r="AD94" s="21"/>
    </row>
    <row r="95" spans="1:30" ht="24.95" customHeight="1" x14ac:dyDescent="0.4">
      <c r="A95" s="15">
        <v>91</v>
      </c>
      <c r="B95" s="16"/>
      <c r="C95" s="17"/>
      <c r="D95" s="16"/>
      <c r="E95" s="17"/>
      <c r="F95" s="18"/>
      <c r="G95" s="19"/>
      <c r="H95" s="19"/>
      <c r="I95" s="14"/>
      <c r="J95" s="14"/>
      <c r="K95" s="20"/>
      <c r="L95" s="20"/>
      <c r="M95" s="20"/>
      <c r="N95" s="20"/>
      <c r="O95" s="14"/>
      <c r="P95" s="21"/>
      <c r="Q95" s="14"/>
      <c r="R95" s="18"/>
      <c r="S95" s="14"/>
      <c r="T95" s="14"/>
      <c r="U95" s="14"/>
      <c r="V95" s="14"/>
      <c r="W95" s="14"/>
      <c r="X95" s="18"/>
      <c r="Y95" s="14"/>
      <c r="Z95" s="14"/>
      <c r="AA95" s="14"/>
      <c r="AB95" s="14"/>
      <c r="AC95" s="14"/>
      <c r="AD95" s="21"/>
    </row>
    <row r="96" spans="1:30" ht="24.95" customHeight="1" x14ac:dyDescent="0.4">
      <c r="A96" s="15">
        <v>92</v>
      </c>
      <c r="B96" s="16"/>
      <c r="C96" s="17"/>
      <c r="D96" s="16"/>
      <c r="E96" s="17"/>
      <c r="F96" s="18"/>
      <c r="G96" s="19"/>
      <c r="H96" s="19"/>
      <c r="I96" s="14"/>
      <c r="J96" s="14"/>
      <c r="K96" s="20"/>
      <c r="L96" s="20"/>
      <c r="M96" s="20"/>
      <c r="N96" s="20"/>
      <c r="O96" s="14"/>
      <c r="P96" s="21"/>
      <c r="Q96" s="14"/>
      <c r="R96" s="18"/>
      <c r="S96" s="14"/>
      <c r="T96" s="14"/>
      <c r="U96" s="14"/>
      <c r="V96" s="14"/>
      <c r="W96" s="14"/>
      <c r="X96" s="18"/>
      <c r="Y96" s="14"/>
      <c r="Z96" s="14"/>
      <c r="AA96" s="14"/>
      <c r="AB96" s="14"/>
      <c r="AC96" s="14"/>
      <c r="AD96" s="21"/>
    </row>
    <row r="97" spans="1:30" ht="24.95" customHeight="1" x14ac:dyDescent="0.4">
      <c r="A97" s="15">
        <v>93</v>
      </c>
      <c r="B97" s="16"/>
      <c r="C97" s="17"/>
      <c r="D97" s="16"/>
      <c r="E97" s="17"/>
      <c r="F97" s="18"/>
      <c r="G97" s="19"/>
      <c r="H97" s="19"/>
      <c r="I97" s="14"/>
      <c r="J97" s="14"/>
      <c r="K97" s="20"/>
      <c r="L97" s="20"/>
      <c r="M97" s="20"/>
      <c r="N97" s="20"/>
      <c r="O97" s="14"/>
      <c r="P97" s="21"/>
      <c r="Q97" s="14"/>
      <c r="R97" s="18"/>
      <c r="S97" s="14"/>
      <c r="T97" s="14"/>
      <c r="U97" s="14"/>
      <c r="V97" s="14"/>
      <c r="W97" s="14"/>
      <c r="X97" s="18"/>
      <c r="Y97" s="14"/>
      <c r="Z97" s="14"/>
      <c r="AA97" s="14"/>
      <c r="AB97" s="14"/>
      <c r="AC97" s="14"/>
      <c r="AD97" s="21"/>
    </row>
    <row r="98" spans="1:30" ht="24.95" customHeight="1" x14ac:dyDescent="0.4">
      <c r="A98" s="15">
        <v>94</v>
      </c>
      <c r="B98" s="16"/>
      <c r="C98" s="17"/>
      <c r="D98" s="16"/>
      <c r="E98" s="17"/>
      <c r="F98" s="18"/>
      <c r="G98" s="19"/>
      <c r="H98" s="19"/>
      <c r="I98" s="14"/>
      <c r="J98" s="14"/>
      <c r="K98" s="20"/>
      <c r="L98" s="20"/>
      <c r="M98" s="20"/>
      <c r="N98" s="20"/>
      <c r="O98" s="14"/>
      <c r="P98" s="21"/>
      <c r="Q98" s="14"/>
      <c r="R98" s="18"/>
      <c r="S98" s="14"/>
      <c r="T98" s="14"/>
      <c r="U98" s="14"/>
      <c r="V98" s="14"/>
      <c r="W98" s="14"/>
      <c r="X98" s="18"/>
      <c r="Y98" s="14"/>
      <c r="Z98" s="14"/>
      <c r="AA98" s="14"/>
      <c r="AB98" s="14"/>
      <c r="AC98" s="14"/>
      <c r="AD98" s="21"/>
    </row>
    <row r="99" spans="1:30" ht="24.95" customHeight="1" x14ac:dyDescent="0.4">
      <c r="A99" s="15">
        <v>95</v>
      </c>
      <c r="B99" s="16"/>
      <c r="C99" s="17"/>
      <c r="D99" s="16"/>
      <c r="E99" s="17"/>
      <c r="F99" s="18"/>
      <c r="G99" s="19"/>
      <c r="H99" s="19"/>
      <c r="I99" s="14"/>
      <c r="J99" s="14"/>
      <c r="K99" s="20"/>
      <c r="L99" s="20"/>
      <c r="M99" s="20"/>
      <c r="N99" s="20"/>
      <c r="O99" s="14"/>
      <c r="P99" s="21"/>
      <c r="Q99" s="14"/>
      <c r="R99" s="18"/>
      <c r="S99" s="14"/>
      <c r="T99" s="14"/>
      <c r="U99" s="14"/>
      <c r="V99" s="14"/>
      <c r="W99" s="14"/>
      <c r="X99" s="18"/>
      <c r="Y99" s="14"/>
      <c r="Z99" s="14"/>
      <c r="AA99" s="14"/>
      <c r="AB99" s="14"/>
      <c r="AC99" s="14"/>
      <c r="AD99" s="21"/>
    </row>
    <row r="100" spans="1:30" ht="24.95" customHeight="1" x14ac:dyDescent="0.4">
      <c r="A100" s="15">
        <v>96</v>
      </c>
      <c r="B100" s="16"/>
      <c r="C100" s="17"/>
      <c r="D100" s="16"/>
      <c r="E100" s="17"/>
      <c r="F100" s="18"/>
      <c r="G100" s="19"/>
      <c r="H100" s="19"/>
      <c r="I100" s="14"/>
      <c r="J100" s="14"/>
      <c r="K100" s="20"/>
      <c r="L100" s="20"/>
      <c r="M100" s="20"/>
      <c r="N100" s="20"/>
      <c r="O100" s="14"/>
      <c r="P100" s="21"/>
      <c r="Q100" s="14"/>
      <c r="R100" s="18"/>
      <c r="S100" s="14"/>
      <c r="T100" s="14"/>
      <c r="U100" s="14"/>
      <c r="V100" s="14"/>
      <c r="W100" s="14"/>
      <c r="X100" s="18"/>
      <c r="Y100" s="14"/>
      <c r="Z100" s="14"/>
      <c r="AA100" s="14"/>
      <c r="AB100" s="14"/>
      <c r="AC100" s="14"/>
      <c r="AD100" s="21"/>
    </row>
    <row r="101" spans="1:30" ht="24.95" customHeight="1" x14ac:dyDescent="0.4">
      <c r="A101" s="15">
        <v>97</v>
      </c>
      <c r="B101" s="16"/>
      <c r="C101" s="17"/>
      <c r="D101" s="16"/>
      <c r="E101" s="17"/>
      <c r="F101" s="18"/>
      <c r="G101" s="19"/>
      <c r="H101" s="19"/>
      <c r="I101" s="14"/>
      <c r="J101" s="14"/>
      <c r="K101" s="20"/>
      <c r="L101" s="20"/>
      <c r="M101" s="20"/>
      <c r="N101" s="20"/>
      <c r="O101" s="14"/>
      <c r="P101" s="21"/>
      <c r="Q101" s="14"/>
      <c r="R101" s="18"/>
      <c r="S101" s="14"/>
      <c r="T101" s="14"/>
      <c r="U101" s="14"/>
      <c r="V101" s="14"/>
      <c r="W101" s="14"/>
      <c r="X101" s="18"/>
      <c r="Y101" s="14"/>
      <c r="Z101" s="14"/>
      <c r="AA101" s="14"/>
      <c r="AB101" s="14"/>
      <c r="AC101" s="14"/>
      <c r="AD101" s="21"/>
    </row>
    <row r="102" spans="1:30" ht="24.95" customHeight="1" x14ac:dyDescent="0.4">
      <c r="A102" s="15">
        <v>98</v>
      </c>
      <c r="B102" s="16"/>
      <c r="C102" s="17"/>
      <c r="D102" s="16"/>
      <c r="E102" s="17"/>
      <c r="F102" s="18"/>
      <c r="G102" s="19"/>
      <c r="H102" s="19"/>
      <c r="I102" s="14"/>
      <c r="J102" s="14"/>
      <c r="K102" s="20"/>
      <c r="L102" s="20"/>
      <c r="M102" s="20"/>
      <c r="N102" s="20"/>
      <c r="O102" s="14"/>
      <c r="P102" s="21"/>
      <c r="Q102" s="14"/>
      <c r="R102" s="18"/>
      <c r="S102" s="14"/>
      <c r="T102" s="14"/>
      <c r="U102" s="14"/>
      <c r="V102" s="14"/>
      <c r="W102" s="14"/>
      <c r="X102" s="18"/>
      <c r="Y102" s="14"/>
      <c r="Z102" s="14"/>
      <c r="AA102" s="14"/>
      <c r="AB102" s="14"/>
      <c r="AC102" s="14"/>
      <c r="AD102" s="21"/>
    </row>
    <row r="103" spans="1:30" ht="24.95" customHeight="1" x14ac:dyDescent="0.4">
      <c r="A103" s="15">
        <v>99</v>
      </c>
      <c r="B103" s="16"/>
      <c r="C103" s="17"/>
      <c r="D103" s="16"/>
      <c r="E103" s="17"/>
      <c r="F103" s="18"/>
      <c r="G103" s="19"/>
      <c r="H103" s="19"/>
      <c r="I103" s="14"/>
      <c r="J103" s="14"/>
      <c r="K103" s="20"/>
      <c r="L103" s="20"/>
      <c r="M103" s="20"/>
      <c r="N103" s="20"/>
      <c r="O103" s="14"/>
      <c r="P103" s="21"/>
      <c r="Q103" s="14"/>
      <c r="R103" s="18"/>
      <c r="S103" s="14"/>
      <c r="T103" s="14"/>
      <c r="U103" s="14"/>
      <c r="V103" s="14"/>
      <c r="W103" s="14"/>
      <c r="X103" s="18"/>
      <c r="Y103" s="14"/>
      <c r="Z103" s="14"/>
      <c r="AA103" s="14"/>
      <c r="AB103" s="14"/>
      <c r="AC103" s="14"/>
      <c r="AD103" s="21"/>
    </row>
    <row r="104" spans="1:30" ht="24.95" customHeight="1" x14ac:dyDescent="0.4">
      <c r="A104" s="15">
        <v>100</v>
      </c>
      <c r="B104" s="16"/>
      <c r="C104" s="17"/>
      <c r="D104" s="16"/>
      <c r="E104" s="17"/>
      <c r="F104" s="18"/>
      <c r="G104" s="19"/>
      <c r="H104" s="19"/>
      <c r="I104" s="14"/>
      <c r="J104" s="14"/>
      <c r="K104" s="20"/>
      <c r="L104" s="20"/>
      <c r="M104" s="20"/>
      <c r="N104" s="20"/>
      <c r="O104" s="14"/>
      <c r="P104" s="21"/>
      <c r="Q104" s="14"/>
      <c r="R104" s="18"/>
      <c r="S104" s="14"/>
      <c r="T104" s="14"/>
      <c r="U104" s="14"/>
      <c r="V104" s="14"/>
      <c r="W104" s="14"/>
      <c r="X104" s="18"/>
      <c r="Y104" s="14"/>
      <c r="Z104" s="14"/>
      <c r="AA104" s="14"/>
      <c r="AB104" s="14"/>
      <c r="AC104" s="14"/>
      <c r="AD104" s="21"/>
    </row>
    <row r="105" spans="1:30" ht="24.95" customHeight="1" x14ac:dyDescent="0.4">
      <c r="A105" s="15">
        <v>101</v>
      </c>
      <c r="B105" s="16"/>
      <c r="C105" s="17"/>
      <c r="D105" s="16"/>
      <c r="E105" s="17"/>
      <c r="F105" s="18"/>
      <c r="G105" s="19"/>
      <c r="H105" s="19"/>
      <c r="I105" s="14"/>
      <c r="J105" s="14"/>
      <c r="K105" s="20"/>
      <c r="L105" s="20"/>
      <c r="M105" s="20"/>
      <c r="N105" s="20"/>
      <c r="O105" s="14"/>
      <c r="P105" s="21"/>
      <c r="Q105" s="14"/>
      <c r="R105" s="18"/>
      <c r="S105" s="14"/>
      <c r="T105" s="14"/>
      <c r="U105" s="14"/>
      <c r="V105" s="14"/>
      <c r="W105" s="14"/>
      <c r="X105" s="18"/>
      <c r="Y105" s="14"/>
      <c r="Z105" s="14"/>
      <c r="AA105" s="14"/>
      <c r="AB105" s="14"/>
      <c r="AC105" s="14"/>
      <c r="AD105" s="21"/>
    </row>
    <row r="106" spans="1:30" ht="24.95" customHeight="1" x14ac:dyDescent="0.4">
      <c r="A106" s="15">
        <v>102</v>
      </c>
      <c r="B106" s="16"/>
      <c r="C106" s="17"/>
      <c r="D106" s="16"/>
      <c r="E106" s="17"/>
      <c r="F106" s="18"/>
      <c r="G106" s="19"/>
      <c r="H106" s="19"/>
      <c r="I106" s="14"/>
      <c r="J106" s="14"/>
      <c r="K106" s="20"/>
      <c r="L106" s="20"/>
      <c r="M106" s="20"/>
      <c r="N106" s="20"/>
      <c r="O106" s="14"/>
      <c r="P106" s="21"/>
      <c r="Q106" s="14"/>
      <c r="R106" s="18"/>
      <c r="S106" s="14"/>
      <c r="T106" s="14"/>
      <c r="U106" s="14"/>
      <c r="V106" s="14"/>
      <c r="W106" s="14"/>
      <c r="X106" s="18"/>
      <c r="Y106" s="14"/>
      <c r="Z106" s="14"/>
      <c r="AA106" s="14"/>
      <c r="AB106" s="14"/>
      <c r="AC106" s="14"/>
      <c r="AD106" s="21"/>
    </row>
    <row r="107" spans="1:30" ht="24.95" customHeight="1" x14ac:dyDescent="0.4">
      <c r="A107" s="15">
        <v>103</v>
      </c>
      <c r="B107" s="16"/>
      <c r="C107" s="17"/>
      <c r="D107" s="16"/>
      <c r="E107" s="17"/>
      <c r="F107" s="18"/>
      <c r="G107" s="19"/>
      <c r="H107" s="19"/>
      <c r="I107" s="14"/>
      <c r="J107" s="14"/>
      <c r="K107" s="20"/>
      <c r="L107" s="20"/>
      <c r="M107" s="20"/>
      <c r="N107" s="20"/>
      <c r="O107" s="14"/>
      <c r="P107" s="21"/>
      <c r="Q107" s="14"/>
      <c r="R107" s="18"/>
      <c r="S107" s="14"/>
      <c r="T107" s="14"/>
      <c r="U107" s="14"/>
      <c r="V107" s="14"/>
      <c r="W107" s="14"/>
      <c r="X107" s="18"/>
      <c r="Y107" s="14"/>
      <c r="Z107" s="14"/>
      <c r="AA107" s="14"/>
      <c r="AB107" s="14"/>
      <c r="AC107" s="14"/>
      <c r="AD107" s="21"/>
    </row>
    <row r="108" spans="1:30" ht="24.95" customHeight="1" x14ac:dyDescent="0.4">
      <c r="A108" s="15">
        <v>104</v>
      </c>
      <c r="B108" s="16"/>
      <c r="C108" s="17"/>
      <c r="D108" s="16"/>
      <c r="E108" s="17"/>
      <c r="F108" s="18"/>
      <c r="G108" s="19"/>
      <c r="H108" s="19"/>
      <c r="I108" s="14"/>
      <c r="J108" s="14"/>
      <c r="K108" s="20"/>
      <c r="L108" s="20"/>
      <c r="M108" s="20"/>
      <c r="N108" s="20"/>
      <c r="O108" s="14"/>
      <c r="P108" s="21"/>
      <c r="Q108" s="14"/>
      <c r="R108" s="18"/>
      <c r="S108" s="14"/>
      <c r="T108" s="14"/>
      <c r="U108" s="14"/>
      <c r="V108" s="14"/>
      <c r="W108" s="14"/>
      <c r="X108" s="18"/>
      <c r="Y108" s="14"/>
      <c r="Z108" s="14"/>
      <c r="AA108" s="14"/>
      <c r="AB108" s="14"/>
      <c r="AC108" s="14"/>
      <c r="AD108" s="21"/>
    </row>
    <row r="109" spans="1:30" ht="24.95" customHeight="1" x14ac:dyDescent="0.4">
      <c r="A109" s="15">
        <v>105</v>
      </c>
      <c r="B109" s="16"/>
      <c r="C109" s="17"/>
      <c r="D109" s="16"/>
      <c r="E109" s="17"/>
      <c r="F109" s="18"/>
      <c r="G109" s="19"/>
      <c r="H109" s="19"/>
      <c r="I109" s="14"/>
      <c r="J109" s="14"/>
      <c r="K109" s="20"/>
      <c r="L109" s="20"/>
      <c r="M109" s="20"/>
      <c r="N109" s="20"/>
      <c r="O109" s="14"/>
      <c r="P109" s="21"/>
      <c r="Q109" s="14"/>
      <c r="R109" s="18"/>
      <c r="S109" s="14"/>
      <c r="T109" s="14"/>
      <c r="U109" s="14"/>
      <c r="V109" s="14"/>
      <c r="W109" s="14"/>
      <c r="X109" s="18"/>
      <c r="Y109" s="14"/>
      <c r="Z109" s="14"/>
      <c r="AA109" s="14"/>
      <c r="AB109" s="14"/>
      <c r="AC109" s="14"/>
      <c r="AD109" s="21"/>
    </row>
    <row r="110" spans="1:30" ht="24.95" customHeight="1" x14ac:dyDescent="0.4">
      <c r="A110" s="15">
        <v>106</v>
      </c>
      <c r="B110" s="16"/>
      <c r="C110" s="17"/>
      <c r="D110" s="16"/>
      <c r="E110" s="17"/>
      <c r="F110" s="18"/>
      <c r="G110" s="19"/>
      <c r="H110" s="19"/>
      <c r="I110" s="14"/>
      <c r="J110" s="14"/>
      <c r="K110" s="20"/>
      <c r="L110" s="20"/>
      <c r="M110" s="20"/>
      <c r="N110" s="20"/>
      <c r="O110" s="14"/>
      <c r="P110" s="21"/>
      <c r="Q110" s="14"/>
      <c r="R110" s="18"/>
      <c r="S110" s="14"/>
      <c r="T110" s="14"/>
      <c r="U110" s="14"/>
      <c r="V110" s="14"/>
      <c r="W110" s="14"/>
      <c r="X110" s="18"/>
      <c r="Y110" s="14"/>
      <c r="Z110" s="14"/>
      <c r="AA110" s="14"/>
      <c r="AB110" s="14"/>
      <c r="AC110" s="14"/>
      <c r="AD110" s="21"/>
    </row>
    <row r="111" spans="1:30" ht="24.95" customHeight="1" x14ac:dyDescent="0.4">
      <c r="A111" s="15">
        <v>107</v>
      </c>
      <c r="B111" s="16"/>
      <c r="C111" s="17"/>
      <c r="D111" s="16"/>
      <c r="E111" s="17"/>
      <c r="F111" s="18"/>
      <c r="G111" s="19"/>
      <c r="H111" s="19"/>
      <c r="I111" s="14"/>
      <c r="J111" s="14"/>
      <c r="K111" s="20"/>
      <c r="L111" s="20"/>
      <c r="M111" s="20"/>
      <c r="N111" s="20"/>
      <c r="O111" s="14"/>
      <c r="P111" s="21"/>
      <c r="Q111" s="14"/>
      <c r="R111" s="18"/>
      <c r="S111" s="14"/>
      <c r="T111" s="14"/>
      <c r="U111" s="14"/>
      <c r="V111" s="14"/>
      <c r="W111" s="14"/>
      <c r="X111" s="18"/>
      <c r="Y111" s="14"/>
      <c r="Z111" s="14"/>
      <c r="AA111" s="14"/>
      <c r="AB111" s="14"/>
      <c r="AC111" s="14"/>
      <c r="AD111" s="21"/>
    </row>
    <row r="112" spans="1:30" ht="24.95" customHeight="1" x14ac:dyDescent="0.4">
      <c r="A112" s="15">
        <v>108</v>
      </c>
      <c r="B112" s="16"/>
      <c r="C112" s="17"/>
      <c r="D112" s="16"/>
      <c r="E112" s="17"/>
      <c r="F112" s="18"/>
      <c r="G112" s="19"/>
      <c r="H112" s="19"/>
      <c r="I112" s="14"/>
      <c r="J112" s="14"/>
      <c r="K112" s="20"/>
      <c r="L112" s="20"/>
      <c r="M112" s="20"/>
      <c r="N112" s="20"/>
      <c r="O112" s="14"/>
      <c r="P112" s="21"/>
      <c r="Q112" s="14"/>
      <c r="R112" s="18"/>
      <c r="S112" s="14"/>
      <c r="T112" s="14"/>
      <c r="U112" s="14"/>
      <c r="V112" s="14"/>
      <c r="W112" s="14"/>
      <c r="X112" s="18"/>
      <c r="Y112" s="14"/>
      <c r="Z112" s="14"/>
      <c r="AA112" s="14"/>
      <c r="AB112" s="14"/>
      <c r="AC112" s="14"/>
      <c r="AD112" s="21"/>
    </row>
    <row r="113" spans="1:30" ht="24.95" customHeight="1" x14ac:dyDescent="0.4">
      <c r="A113" s="15">
        <v>109</v>
      </c>
      <c r="B113" s="16"/>
      <c r="C113" s="17"/>
      <c r="D113" s="16"/>
      <c r="E113" s="17"/>
      <c r="F113" s="18"/>
      <c r="G113" s="19"/>
      <c r="H113" s="19"/>
      <c r="I113" s="14"/>
      <c r="J113" s="14"/>
      <c r="K113" s="20"/>
      <c r="L113" s="20"/>
      <c r="M113" s="20"/>
      <c r="N113" s="20"/>
      <c r="O113" s="14"/>
      <c r="P113" s="21"/>
      <c r="Q113" s="14"/>
      <c r="R113" s="18"/>
      <c r="S113" s="14"/>
      <c r="T113" s="14"/>
      <c r="U113" s="14"/>
      <c r="V113" s="14"/>
      <c r="W113" s="14"/>
      <c r="X113" s="18"/>
      <c r="Y113" s="14"/>
      <c r="Z113" s="14"/>
      <c r="AA113" s="14"/>
      <c r="AB113" s="14"/>
      <c r="AC113" s="14"/>
      <c r="AD113" s="21"/>
    </row>
    <row r="114" spans="1:30" ht="24.95" customHeight="1" x14ac:dyDescent="0.4">
      <c r="A114" s="15">
        <v>110</v>
      </c>
      <c r="B114" s="16"/>
      <c r="C114" s="17"/>
      <c r="D114" s="16"/>
      <c r="E114" s="17"/>
      <c r="F114" s="18"/>
      <c r="G114" s="19"/>
      <c r="H114" s="19"/>
      <c r="I114" s="14"/>
      <c r="J114" s="14"/>
      <c r="K114" s="20"/>
      <c r="L114" s="20"/>
      <c r="M114" s="20"/>
      <c r="N114" s="20"/>
      <c r="O114" s="14"/>
      <c r="P114" s="21"/>
      <c r="Q114" s="14"/>
      <c r="R114" s="18"/>
      <c r="S114" s="14"/>
      <c r="T114" s="14"/>
      <c r="U114" s="14"/>
      <c r="V114" s="14"/>
      <c r="W114" s="14"/>
      <c r="X114" s="18"/>
      <c r="Y114" s="14"/>
      <c r="Z114" s="14"/>
      <c r="AA114" s="14"/>
      <c r="AB114" s="14"/>
      <c r="AC114" s="14"/>
      <c r="AD114" s="21"/>
    </row>
    <row r="115" spans="1:30" ht="24.95" customHeight="1" x14ac:dyDescent="0.4">
      <c r="A115" s="15">
        <v>111</v>
      </c>
      <c r="B115" s="16"/>
      <c r="C115" s="17"/>
      <c r="D115" s="16"/>
      <c r="E115" s="17"/>
      <c r="F115" s="18"/>
      <c r="G115" s="19"/>
      <c r="H115" s="19"/>
      <c r="I115" s="14"/>
      <c r="J115" s="14"/>
      <c r="K115" s="20"/>
      <c r="L115" s="20"/>
      <c r="M115" s="20"/>
      <c r="N115" s="20"/>
      <c r="O115" s="14"/>
      <c r="P115" s="21"/>
      <c r="Q115" s="14"/>
      <c r="R115" s="18"/>
      <c r="S115" s="14"/>
      <c r="T115" s="14"/>
      <c r="U115" s="14"/>
      <c r="V115" s="14"/>
      <c r="W115" s="14"/>
      <c r="X115" s="18"/>
      <c r="Y115" s="14"/>
      <c r="Z115" s="14"/>
      <c r="AA115" s="14"/>
      <c r="AB115" s="14"/>
      <c r="AC115" s="14"/>
      <c r="AD115" s="21"/>
    </row>
    <row r="116" spans="1:30" ht="24.95" customHeight="1" x14ac:dyDescent="0.4">
      <c r="A116" s="15">
        <v>112</v>
      </c>
      <c r="B116" s="16"/>
      <c r="C116" s="17"/>
      <c r="D116" s="16"/>
      <c r="E116" s="17"/>
      <c r="F116" s="18"/>
      <c r="G116" s="19"/>
      <c r="H116" s="19"/>
      <c r="I116" s="14"/>
      <c r="J116" s="14"/>
      <c r="K116" s="20"/>
      <c r="L116" s="20"/>
      <c r="M116" s="20"/>
      <c r="N116" s="20"/>
      <c r="O116" s="14"/>
      <c r="P116" s="21"/>
      <c r="Q116" s="14"/>
      <c r="R116" s="18"/>
      <c r="S116" s="14"/>
      <c r="T116" s="14"/>
      <c r="U116" s="14"/>
      <c r="V116" s="14"/>
      <c r="W116" s="14"/>
      <c r="X116" s="18"/>
      <c r="Y116" s="14"/>
      <c r="Z116" s="14"/>
      <c r="AA116" s="14"/>
      <c r="AB116" s="14"/>
      <c r="AC116" s="14"/>
      <c r="AD116" s="21"/>
    </row>
    <row r="117" spans="1:30" ht="24.95" customHeight="1" x14ac:dyDescent="0.4">
      <c r="A117" s="15">
        <v>113</v>
      </c>
      <c r="B117" s="16"/>
      <c r="C117" s="17"/>
      <c r="D117" s="16"/>
      <c r="E117" s="17"/>
      <c r="F117" s="18"/>
      <c r="G117" s="19"/>
      <c r="H117" s="19"/>
      <c r="I117" s="14"/>
      <c r="J117" s="14"/>
      <c r="K117" s="20"/>
      <c r="L117" s="20"/>
      <c r="M117" s="20"/>
      <c r="N117" s="20"/>
      <c r="O117" s="14"/>
      <c r="P117" s="21"/>
      <c r="Q117" s="14"/>
      <c r="R117" s="18"/>
      <c r="S117" s="14"/>
      <c r="T117" s="14"/>
      <c r="U117" s="14"/>
      <c r="V117" s="14"/>
      <c r="W117" s="14"/>
      <c r="X117" s="18"/>
      <c r="Y117" s="14"/>
      <c r="Z117" s="14"/>
      <c r="AA117" s="14"/>
      <c r="AB117" s="14"/>
      <c r="AC117" s="14"/>
      <c r="AD117" s="21"/>
    </row>
    <row r="118" spans="1:30" ht="24.95" customHeight="1" x14ac:dyDescent="0.4">
      <c r="A118" s="15">
        <v>114</v>
      </c>
      <c r="B118" s="16"/>
      <c r="C118" s="17"/>
      <c r="D118" s="16"/>
      <c r="E118" s="17"/>
      <c r="F118" s="18"/>
      <c r="G118" s="19"/>
      <c r="H118" s="19"/>
      <c r="I118" s="14"/>
      <c r="J118" s="14"/>
      <c r="K118" s="20"/>
      <c r="L118" s="20"/>
      <c r="M118" s="20"/>
      <c r="N118" s="20"/>
      <c r="O118" s="14"/>
      <c r="P118" s="21"/>
      <c r="Q118" s="14"/>
      <c r="R118" s="18"/>
      <c r="S118" s="14"/>
      <c r="T118" s="14"/>
      <c r="U118" s="14"/>
      <c r="V118" s="14"/>
      <c r="W118" s="14"/>
      <c r="X118" s="18"/>
      <c r="Y118" s="14"/>
      <c r="Z118" s="14"/>
      <c r="AA118" s="14"/>
      <c r="AB118" s="14"/>
      <c r="AC118" s="14"/>
      <c r="AD118" s="21"/>
    </row>
    <row r="119" spans="1:30" ht="24.95" customHeight="1" x14ac:dyDescent="0.4">
      <c r="A119" s="15">
        <v>115</v>
      </c>
      <c r="B119" s="16"/>
      <c r="C119" s="17"/>
      <c r="D119" s="16"/>
      <c r="E119" s="17"/>
      <c r="F119" s="18"/>
      <c r="G119" s="19"/>
      <c r="H119" s="19"/>
      <c r="I119" s="14"/>
      <c r="J119" s="14"/>
      <c r="K119" s="20"/>
      <c r="L119" s="20"/>
      <c r="M119" s="20"/>
      <c r="N119" s="20"/>
      <c r="O119" s="14"/>
      <c r="P119" s="21"/>
      <c r="Q119" s="14"/>
      <c r="R119" s="18"/>
      <c r="S119" s="14"/>
      <c r="T119" s="14"/>
      <c r="U119" s="14"/>
      <c r="V119" s="14"/>
      <c r="W119" s="14"/>
      <c r="X119" s="18"/>
      <c r="Y119" s="14"/>
      <c r="Z119" s="14"/>
      <c r="AA119" s="14"/>
      <c r="AB119" s="14"/>
      <c r="AC119" s="14"/>
      <c r="AD119" s="21"/>
    </row>
    <row r="120" spans="1:30" ht="24.95" customHeight="1" x14ac:dyDescent="0.4">
      <c r="A120" s="15">
        <v>116</v>
      </c>
      <c r="B120" s="16"/>
      <c r="C120" s="17"/>
      <c r="D120" s="16"/>
      <c r="E120" s="17"/>
      <c r="F120" s="18"/>
      <c r="G120" s="19"/>
      <c r="H120" s="19"/>
      <c r="I120" s="14"/>
      <c r="J120" s="14"/>
      <c r="K120" s="20"/>
      <c r="L120" s="20"/>
      <c r="M120" s="20"/>
      <c r="N120" s="20"/>
      <c r="O120" s="14"/>
      <c r="P120" s="21"/>
      <c r="Q120" s="14"/>
      <c r="R120" s="18"/>
      <c r="S120" s="14"/>
      <c r="T120" s="14"/>
      <c r="U120" s="14"/>
      <c r="V120" s="14"/>
      <c r="W120" s="14"/>
      <c r="X120" s="18"/>
      <c r="Y120" s="14"/>
      <c r="Z120" s="14"/>
      <c r="AA120" s="14"/>
      <c r="AB120" s="14"/>
      <c r="AC120" s="14"/>
      <c r="AD120" s="21"/>
    </row>
    <row r="121" spans="1:30" ht="24.95" customHeight="1" x14ac:dyDescent="0.4">
      <c r="A121" s="15">
        <v>117</v>
      </c>
      <c r="B121" s="16"/>
      <c r="C121" s="17"/>
      <c r="D121" s="16"/>
      <c r="E121" s="17"/>
      <c r="F121" s="18"/>
      <c r="G121" s="19"/>
      <c r="H121" s="19"/>
      <c r="I121" s="14"/>
      <c r="J121" s="14"/>
      <c r="K121" s="20"/>
      <c r="L121" s="20"/>
      <c r="M121" s="20"/>
      <c r="N121" s="20"/>
      <c r="O121" s="14"/>
      <c r="P121" s="21"/>
      <c r="Q121" s="14"/>
      <c r="R121" s="18"/>
      <c r="S121" s="14"/>
      <c r="T121" s="14"/>
      <c r="U121" s="14"/>
      <c r="V121" s="14"/>
      <c r="W121" s="14"/>
      <c r="X121" s="18"/>
      <c r="Y121" s="14"/>
      <c r="Z121" s="14"/>
      <c r="AA121" s="14"/>
      <c r="AB121" s="14"/>
      <c r="AC121" s="14"/>
      <c r="AD121" s="21"/>
    </row>
    <row r="122" spans="1:30" ht="24.95" customHeight="1" x14ac:dyDescent="0.4">
      <c r="A122" s="15">
        <v>118</v>
      </c>
      <c r="B122" s="16"/>
      <c r="C122" s="17"/>
      <c r="D122" s="16"/>
      <c r="E122" s="17"/>
      <c r="F122" s="18"/>
      <c r="G122" s="19"/>
      <c r="H122" s="19"/>
      <c r="I122" s="14"/>
      <c r="J122" s="14"/>
      <c r="K122" s="20"/>
      <c r="L122" s="20"/>
      <c r="M122" s="20"/>
      <c r="N122" s="20"/>
      <c r="O122" s="14"/>
      <c r="P122" s="21"/>
      <c r="Q122" s="14"/>
      <c r="R122" s="18"/>
      <c r="S122" s="14"/>
      <c r="T122" s="14"/>
      <c r="U122" s="14"/>
      <c r="V122" s="14"/>
      <c r="W122" s="14"/>
      <c r="X122" s="18"/>
      <c r="Y122" s="14"/>
      <c r="Z122" s="14"/>
      <c r="AA122" s="14"/>
      <c r="AB122" s="14"/>
      <c r="AC122" s="14"/>
      <c r="AD122" s="21"/>
    </row>
    <row r="123" spans="1:30" ht="24.95" customHeight="1" x14ac:dyDescent="0.4">
      <c r="A123" s="15">
        <v>119</v>
      </c>
      <c r="B123" s="16"/>
      <c r="C123" s="17"/>
      <c r="D123" s="16"/>
      <c r="E123" s="17"/>
      <c r="F123" s="18"/>
      <c r="G123" s="19"/>
      <c r="H123" s="19"/>
      <c r="I123" s="14"/>
      <c r="J123" s="14"/>
      <c r="K123" s="20"/>
      <c r="L123" s="20"/>
      <c r="M123" s="20"/>
      <c r="N123" s="20"/>
      <c r="O123" s="14"/>
      <c r="P123" s="21"/>
      <c r="Q123" s="14"/>
      <c r="R123" s="18"/>
      <c r="S123" s="14"/>
      <c r="T123" s="14"/>
      <c r="U123" s="14"/>
      <c r="V123" s="14"/>
      <c r="W123" s="14"/>
      <c r="X123" s="18"/>
      <c r="Y123" s="14"/>
      <c r="Z123" s="14"/>
      <c r="AA123" s="14"/>
      <c r="AB123" s="14"/>
      <c r="AC123" s="14"/>
      <c r="AD123" s="21"/>
    </row>
    <row r="124" spans="1:30" ht="24.95" customHeight="1" x14ac:dyDescent="0.4">
      <c r="A124" s="15">
        <v>120</v>
      </c>
      <c r="B124" s="16"/>
      <c r="C124" s="17"/>
      <c r="D124" s="16"/>
      <c r="E124" s="17"/>
      <c r="F124" s="18"/>
      <c r="G124" s="19"/>
      <c r="H124" s="19"/>
      <c r="I124" s="14"/>
      <c r="J124" s="14"/>
      <c r="K124" s="20"/>
      <c r="L124" s="20"/>
      <c r="M124" s="20"/>
      <c r="N124" s="20"/>
      <c r="O124" s="14"/>
      <c r="P124" s="21"/>
      <c r="Q124" s="14"/>
      <c r="R124" s="18"/>
      <c r="S124" s="14"/>
      <c r="T124" s="14"/>
      <c r="U124" s="14"/>
      <c r="V124" s="14"/>
      <c r="W124" s="14"/>
      <c r="X124" s="18"/>
      <c r="Y124" s="14"/>
      <c r="Z124" s="14"/>
      <c r="AA124" s="14"/>
      <c r="AB124" s="14"/>
      <c r="AC124" s="14"/>
      <c r="AD124" s="21"/>
    </row>
    <row r="125" spans="1:30" ht="24.95" customHeight="1" x14ac:dyDescent="0.4">
      <c r="A125" s="15">
        <v>121</v>
      </c>
      <c r="B125" s="16"/>
      <c r="C125" s="17"/>
      <c r="D125" s="16"/>
      <c r="E125" s="17"/>
      <c r="F125" s="18"/>
      <c r="G125" s="19"/>
      <c r="H125" s="19"/>
      <c r="I125" s="14"/>
      <c r="J125" s="14"/>
      <c r="K125" s="20"/>
      <c r="L125" s="20"/>
      <c r="M125" s="20"/>
      <c r="N125" s="20"/>
      <c r="O125" s="14"/>
      <c r="P125" s="21"/>
      <c r="Q125" s="14"/>
      <c r="R125" s="18"/>
      <c r="S125" s="14"/>
      <c r="T125" s="14"/>
      <c r="U125" s="14"/>
      <c r="V125" s="14"/>
      <c r="W125" s="14"/>
      <c r="X125" s="18"/>
      <c r="Y125" s="14"/>
      <c r="Z125" s="14"/>
      <c r="AA125" s="14"/>
      <c r="AB125" s="14"/>
      <c r="AC125" s="14"/>
      <c r="AD125" s="21"/>
    </row>
    <row r="126" spans="1:30" ht="24.95" customHeight="1" x14ac:dyDescent="0.4">
      <c r="A126" s="15">
        <v>122</v>
      </c>
      <c r="B126" s="16"/>
      <c r="C126" s="17"/>
      <c r="D126" s="16"/>
      <c r="E126" s="17"/>
      <c r="F126" s="18"/>
      <c r="G126" s="19"/>
      <c r="H126" s="19"/>
      <c r="I126" s="14"/>
      <c r="J126" s="14"/>
      <c r="K126" s="20"/>
      <c r="L126" s="20"/>
      <c r="M126" s="20"/>
      <c r="N126" s="20"/>
      <c r="O126" s="14"/>
      <c r="P126" s="21"/>
      <c r="Q126" s="14"/>
      <c r="R126" s="18"/>
      <c r="S126" s="14"/>
      <c r="T126" s="14"/>
      <c r="U126" s="14"/>
      <c r="V126" s="14"/>
      <c r="W126" s="14"/>
      <c r="X126" s="18"/>
      <c r="Y126" s="14"/>
      <c r="Z126" s="14"/>
      <c r="AA126" s="14"/>
      <c r="AB126" s="14"/>
      <c r="AC126" s="14"/>
      <c r="AD126" s="21"/>
    </row>
    <row r="127" spans="1:30" ht="24.95" customHeight="1" x14ac:dyDescent="0.4">
      <c r="A127" s="15">
        <v>123</v>
      </c>
      <c r="B127" s="16"/>
      <c r="C127" s="17"/>
      <c r="D127" s="16"/>
      <c r="E127" s="17"/>
      <c r="F127" s="18"/>
      <c r="G127" s="19"/>
      <c r="H127" s="19"/>
      <c r="I127" s="14"/>
      <c r="J127" s="14"/>
      <c r="K127" s="20"/>
      <c r="L127" s="20"/>
      <c r="M127" s="20"/>
      <c r="N127" s="20"/>
      <c r="O127" s="14"/>
      <c r="P127" s="21"/>
      <c r="Q127" s="14"/>
      <c r="R127" s="18"/>
      <c r="S127" s="14"/>
      <c r="T127" s="14"/>
      <c r="U127" s="14"/>
      <c r="V127" s="14"/>
      <c r="W127" s="14"/>
      <c r="X127" s="18"/>
      <c r="Y127" s="14"/>
      <c r="Z127" s="14"/>
      <c r="AA127" s="14"/>
      <c r="AB127" s="14"/>
      <c r="AC127" s="14"/>
      <c r="AD127" s="21"/>
    </row>
    <row r="128" spans="1:30" ht="24.95" customHeight="1" x14ac:dyDescent="0.4">
      <c r="A128" s="15">
        <v>124</v>
      </c>
      <c r="B128" s="16"/>
      <c r="C128" s="17"/>
      <c r="D128" s="16"/>
      <c r="E128" s="17"/>
      <c r="F128" s="18"/>
      <c r="G128" s="19"/>
      <c r="H128" s="19"/>
      <c r="I128" s="14"/>
      <c r="J128" s="14"/>
      <c r="K128" s="20"/>
      <c r="L128" s="20"/>
      <c r="M128" s="20"/>
      <c r="N128" s="20"/>
      <c r="O128" s="14"/>
      <c r="P128" s="21"/>
      <c r="Q128" s="14"/>
      <c r="R128" s="18"/>
      <c r="S128" s="14"/>
      <c r="T128" s="14"/>
      <c r="U128" s="14"/>
      <c r="V128" s="14"/>
      <c r="W128" s="14"/>
      <c r="X128" s="18"/>
      <c r="Y128" s="14"/>
      <c r="Z128" s="14"/>
      <c r="AA128" s="14"/>
      <c r="AB128" s="14"/>
      <c r="AC128" s="14"/>
      <c r="AD128" s="21"/>
    </row>
    <row r="129" spans="1:30" ht="24.95" customHeight="1" x14ac:dyDescent="0.4">
      <c r="A129" s="15">
        <v>125</v>
      </c>
      <c r="B129" s="16"/>
      <c r="C129" s="17"/>
      <c r="D129" s="16"/>
      <c r="E129" s="17"/>
      <c r="F129" s="18"/>
      <c r="G129" s="19"/>
      <c r="H129" s="19"/>
      <c r="I129" s="14"/>
      <c r="J129" s="14"/>
      <c r="K129" s="20"/>
      <c r="L129" s="20"/>
      <c r="M129" s="20"/>
      <c r="N129" s="20"/>
      <c r="O129" s="14"/>
      <c r="P129" s="21"/>
      <c r="Q129" s="14"/>
      <c r="R129" s="18"/>
      <c r="S129" s="14"/>
      <c r="T129" s="14"/>
      <c r="U129" s="14"/>
      <c r="V129" s="14"/>
      <c r="W129" s="14"/>
      <c r="X129" s="18"/>
      <c r="Y129" s="14"/>
      <c r="Z129" s="14"/>
      <c r="AA129" s="14"/>
      <c r="AB129" s="14"/>
      <c r="AC129" s="14"/>
      <c r="AD129" s="21"/>
    </row>
    <row r="130" spans="1:30" ht="24.95" customHeight="1" x14ac:dyDescent="0.4">
      <c r="A130" s="15">
        <v>126</v>
      </c>
      <c r="B130" s="16"/>
      <c r="C130" s="17"/>
      <c r="D130" s="16"/>
      <c r="E130" s="17"/>
      <c r="F130" s="18"/>
      <c r="G130" s="19"/>
      <c r="H130" s="19"/>
      <c r="I130" s="14"/>
      <c r="J130" s="14"/>
      <c r="K130" s="20"/>
      <c r="L130" s="20"/>
      <c r="M130" s="20"/>
      <c r="N130" s="20"/>
      <c r="O130" s="14"/>
      <c r="P130" s="21"/>
      <c r="Q130" s="14"/>
      <c r="R130" s="18"/>
      <c r="S130" s="14"/>
      <c r="T130" s="14"/>
      <c r="U130" s="14"/>
      <c r="V130" s="14"/>
      <c r="W130" s="14"/>
      <c r="X130" s="18"/>
      <c r="Y130" s="14"/>
      <c r="Z130" s="14"/>
      <c r="AA130" s="14"/>
      <c r="AB130" s="14"/>
      <c r="AC130" s="14"/>
      <c r="AD130" s="21"/>
    </row>
    <row r="131" spans="1:30" ht="24.95" customHeight="1" x14ac:dyDescent="0.4">
      <c r="A131" s="15">
        <v>127</v>
      </c>
      <c r="B131" s="16"/>
      <c r="C131" s="17"/>
      <c r="D131" s="16"/>
      <c r="E131" s="17"/>
      <c r="F131" s="18"/>
      <c r="G131" s="19"/>
      <c r="H131" s="19"/>
      <c r="I131" s="14"/>
      <c r="J131" s="14"/>
      <c r="K131" s="20"/>
      <c r="L131" s="20"/>
      <c r="M131" s="20"/>
      <c r="N131" s="20"/>
      <c r="O131" s="14"/>
      <c r="P131" s="21"/>
      <c r="Q131" s="14"/>
      <c r="R131" s="18"/>
      <c r="S131" s="14"/>
      <c r="T131" s="14"/>
      <c r="U131" s="14"/>
      <c r="V131" s="14"/>
      <c r="W131" s="14"/>
      <c r="X131" s="18"/>
      <c r="Y131" s="14"/>
      <c r="Z131" s="14"/>
      <c r="AA131" s="14"/>
      <c r="AB131" s="14"/>
      <c r="AC131" s="14"/>
      <c r="AD131" s="21"/>
    </row>
    <row r="132" spans="1:30" ht="24.95" customHeight="1" x14ac:dyDescent="0.4">
      <c r="A132" s="15">
        <v>128</v>
      </c>
      <c r="B132" s="16"/>
      <c r="C132" s="17"/>
      <c r="D132" s="16"/>
      <c r="E132" s="17"/>
      <c r="F132" s="18"/>
      <c r="G132" s="19"/>
      <c r="H132" s="19"/>
      <c r="I132" s="14"/>
      <c r="J132" s="14"/>
      <c r="K132" s="20"/>
      <c r="L132" s="20"/>
      <c r="M132" s="20"/>
      <c r="N132" s="20"/>
      <c r="O132" s="14"/>
      <c r="P132" s="21"/>
      <c r="Q132" s="14"/>
      <c r="R132" s="18"/>
      <c r="S132" s="14"/>
      <c r="T132" s="14"/>
      <c r="U132" s="14"/>
      <c r="V132" s="14"/>
      <c r="W132" s="14"/>
      <c r="X132" s="18"/>
      <c r="Y132" s="14"/>
      <c r="Z132" s="14"/>
      <c r="AA132" s="14"/>
      <c r="AB132" s="14"/>
      <c r="AC132" s="14"/>
      <c r="AD132" s="21"/>
    </row>
    <row r="133" spans="1:30" ht="24.95" customHeight="1" x14ac:dyDescent="0.4">
      <c r="A133" s="15">
        <v>129</v>
      </c>
      <c r="B133" s="16"/>
      <c r="C133" s="17"/>
      <c r="D133" s="16"/>
      <c r="E133" s="17"/>
      <c r="F133" s="18"/>
      <c r="G133" s="19"/>
      <c r="H133" s="19"/>
      <c r="I133" s="14"/>
      <c r="J133" s="14"/>
      <c r="K133" s="20"/>
      <c r="L133" s="20"/>
      <c r="M133" s="20"/>
      <c r="N133" s="20"/>
      <c r="O133" s="14"/>
      <c r="P133" s="21"/>
      <c r="Q133" s="14"/>
      <c r="R133" s="18"/>
      <c r="S133" s="14"/>
      <c r="T133" s="14"/>
      <c r="U133" s="14"/>
      <c r="V133" s="14"/>
      <c r="W133" s="14"/>
      <c r="X133" s="18"/>
      <c r="Y133" s="14"/>
      <c r="Z133" s="14"/>
      <c r="AA133" s="14"/>
      <c r="AB133" s="14"/>
      <c r="AC133" s="14"/>
      <c r="AD133" s="21"/>
    </row>
    <row r="134" spans="1:30" ht="24.95" customHeight="1" x14ac:dyDescent="0.4">
      <c r="A134" s="15">
        <v>130</v>
      </c>
      <c r="B134" s="16"/>
      <c r="C134" s="17"/>
      <c r="D134" s="16"/>
      <c r="E134" s="17"/>
      <c r="F134" s="18"/>
      <c r="G134" s="19"/>
      <c r="H134" s="19"/>
      <c r="I134" s="14"/>
      <c r="J134" s="14"/>
      <c r="K134" s="20"/>
      <c r="L134" s="20"/>
      <c r="M134" s="20"/>
      <c r="N134" s="20"/>
      <c r="O134" s="14"/>
      <c r="P134" s="21"/>
      <c r="Q134" s="14"/>
      <c r="R134" s="18"/>
      <c r="S134" s="14"/>
      <c r="T134" s="14"/>
      <c r="U134" s="14"/>
      <c r="V134" s="14"/>
      <c r="W134" s="14"/>
      <c r="X134" s="18"/>
      <c r="Y134" s="14"/>
      <c r="Z134" s="14"/>
      <c r="AA134" s="14"/>
      <c r="AB134" s="14"/>
      <c r="AC134" s="14"/>
      <c r="AD134" s="21"/>
    </row>
    <row r="135" spans="1:30" ht="24.95" customHeight="1" x14ac:dyDescent="0.4">
      <c r="A135" s="15">
        <v>131</v>
      </c>
      <c r="B135" s="16"/>
      <c r="C135" s="17"/>
      <c r="D135" s="16"/>
      <c r="E135" s="17"/>
      <c r="F135" s="18"/>
      <c r="G135" s="19"/>
      <c r="H135" s="19"/>
      <c r="I135" s="14"/>
      <c r="J135" s="14"/>
      <c r="K135" s="20"/>
      <c r="L135" s="20"/>
      <c r="M135" s="20"/>
      <c r="N135" s="20"/>
      <c r="O135" s="14"/>
      <c r="P135" s="21"/>
      <c r="Q135" s="14"/>
      <c r="R135" s="18"/>
      <c r="S135" s="14"/>
      <c r="T135" s="14"/>
      <c r="U135" s="14"/>
      <c r="V135" s="14"/>
      <c r="W135" s="14"/>
      <c r="X135" s="18"/>
      <c r="Y135" s="14"/>
      <c r="Z135" s="14"/>
      <c r="AA135" s="14"/>
      <c r="AB135" s="14"/>
      <c r="AC135" s="14"/>
      <c r="AD135" s="21"/>
    </row>
    <row r="136" spans="1:30" ht="24.95" customHeight="1" x14ac:dyDescent="0.4">
      <c r="A136" s="15">
        <v>132</v>
      </c>
      <c r="B136" s="16"/>
      <c r="C136" s="17"/>
      <c r="D136" s="16"/>
      <c r="E136" s="17"/>
      <c r="F136" s="18"/>
      <c r="G136" s="19"/>
      <c r="H136" s="19"/>
      <c r="I136" s="14"/>
      <c r="J136" s="14"/>
      <c r="K136" s="20"/>
      <c r="L136" s="20"/>
      <c r="M136" s="20"/>
      <c r="N136" s="20"/>
      <c r="O136" s="14"/>
      <c r="P136" s="21"/>
      <c r="Q136" s="14"/>
      <c r="R136" s="18"/>
      <c r="S136" s="14"/>
      <c r="T136" s="14"/>
      <c r="U136" s="14"/>
      <c r="V136" s="14"/>
      <c r="W136" s="14"/>
      <c r="X136" s="18"/>
      <c r="Y136" s="14"/>
      <c r="Z136" s="14"/>
      <c r="AA136" s="14"/>
      <c r="AB136" s="14"/>
      <c r="AC136" s="14"/>
      <c r="AD136" s="21"/>
    </row>
    <row r="137" spans="1:30" ht="24.95" customHeight="1" x14ac:dyDescent="0.4">
      <c r="A137" s="15">
        <v>133</v>
      </c>
      <c r="B137" s="16"/>
      <c r="C137" s="17"/>
      <c r="D137" s="16"/>
      <c r="E137" s="17"/>
      <c r="F137" s="18"/>
      <c r="G137" s="19"/>
      <c r="H137" s="19"/>
      <c r="I137" s="14"/>
      <c r="J137" s="14"/>
      <c r="K137" s="20"/>
      <c r="L137" s="20"/>
      <c r="M137" s="20"/>
      <c r="N137" s="20"/>
      <c r="O137" s="14"/>
      <c r="P137" s="21"/>
      <c r="Q137" s="14"/>
      <c r="R137" s="18"/>
      <c r="S137" s="14"/>
      <c r="T137" s="14"/>
      <c r="U137" s="14"/>
      <c r="V137" s="14"/>
      <c r="W137" s="14"/>
      <c r="X137" s="18"/>
      <c r="Y137" s="14"/>
      <c r="Z137" s="14"/>
      <c r="AA137" s="14"/>
      <c r="AB137" s="14"/>
      <c r="AC137" s="14"/>
      <c r="AD137" s="21"/>
    </row>
    <row r="138" spans="1:30" ht="24.95" customHeight="1" x14ac:dyDescent="0.4">
      <c r="A138" s="15">
        <v>134</v>
      </c>
      <c r="B138" s="16"/>
      <c r="C138" s="17"/>
      <c r="D138" s="16"/>
      <c r="E138" s="17"/>
      <c r="F138" s="18"/>
      <c r="G138" s="19"/>
      <c r="H138" s="19"/>
      <c r="I138" s="14"/>
      <c r="J138" s="14"/>
      <c r="K138" s="20"/>
      <c r="L138" s="20"/>
      <c r="M138" s="20"/>
      <c r="N138" s="20"/>
      <c r="O138" s="14"/>
      <c r="P138" s="21"/>
      <c r="Q138" s="14"/>
      <c r="R138" s="18"/>
      <c r="S138" s="14"/>
      <c r="T138" s="14"/>
      <c r="U138" s="14"/>
      <c r="V138" s="14"/>
      <c r="W138" s="14"/>
      <c r="X138" s="18"/>
      <c r="Y138" s="14"/>
      <c r="Z138" s="14"/>
      <c r="AA138" s="14"/>
      <c r="AB138" s="14"/>
      <c r="AC138" s="14"/>
      <c r="AD138" s="21"/>
    </row>
    <row r="139" spans="1:30" ht="24.95" customHeight="1" x14ac:dyDescent="0.4">
      <c r="A139" s="15">
        <v>135</v>
      </c>
      <c r="B139" s="16"/>
      <c r="C139" s="17"/>
      <c r="D139" s="16"/>
      <c r="E139" s="17"/>
      <c r="F139" s="18"/>
      <c r="G139" s="19"/>
      <c r="H139" s="19"/>
      <c r="I139" s="14"/>
      <c r="J139" s="14"/>
      <c r="K139" s="20"/>
      <c r="L139" s="20"/>
      <c r="M139" s="20"/>
      <c r="N139" s="20"/>
      <c r="O139" s="14"/>
      <c r="P139" s="21"/>
      <c r="Q139" s="14"/>
      <c r="R139" s="18"/>
      <c r="S139" s="14"/>
      <c r="T139" s="14"/>
      <c r="U139" s="14"/>
      <c r="V139" s="14"/>
      <c r="W139" s="14"/>
      <c r="X139" s="18"/>
      <c r="Y139" s="14"/>
      <c r="Z139" s="14"/>
      <c r="AA139" s="14"/>
      <c r="AB139" s="14"/>
      <c r="AC139" s="14"/>
      <c r="AD139" s="21"/>
    </row>
    <row r="140" spans="1:30" ht="24.95" customHeight="1" x14ac:dyDescent="0.4">
      <c r="A140" s="15">
        <v>136</v>
      </c>
      <c r="B140" s="16"/>
      <c r="C140" s="17"/>
      <c r="D140" s="16"/>
      <c r="E140" s="17"/>
      <c r="F140" s="18"/>
      <c r="G140" s="19"/>
      <c r="H140" s="19"/>
      <c r="I140" s="14"/>
      <c r="J140" s="14"/>
      <c r="K140" s="20"/>
      <c r="L140" s="20"/>
      <c r="M140" s="20"/>
      <c r="N140" s="20"/>
      <c r="O140" s="14"/>
      <c r="P140" s="21"/>
      <c r="Q140" s="14"/>
      <c r="R140" s="18"/>
      <c r="S140" s="14"/>
      <c r="T140" s="14"/>
      <c r="U140" s="14"/>
      <c r="V140" s="14"/>
      <c r="W140" s="14"/>
      <c r="X140" s="18"/>
      <c r="Y140" s="14"/>
      <c r="Z140" s="14"/>
      <c r="AA140" s="14"/>
      <c r="AB140" s="14"/>
      <c r="AC140" s="14"/>
      <c r="AD140" s="21"/>
    </row>
    <row r="141" spans="1:30" ht="24.95" customHeight="1" x14ac:dyDescent="0.4">
      <c r="A141" s="15">
        <v>137</v>
      </c>
      <c r="B141" s="16"/>
      <c r="C141" s="17"/>
      <c r="D141" s="16"/>
      <c r="E141" s="17"/>
      <c r="F141" s="18"/>
      <c r="G141" s="19"/>
      <c r="H141" s="19"/>
      <c r="I141" s="14"/>
      <c r="J141" s="14"/>
      <c r="K141" s="20"/>
      <c r="L141" s="20"/>
      <c r="M141" s="20"/>
      <c r="N141" s="20"/>
      <c r="O141" s="14"/>
      <c r="P141" s="21"/>
      <c r="Q141" s="14"/>
      <c r="R141" s="18"/>
      <c r="S141" s="14"/>
      <c r="T141" s="14"/>
      <c r="U141" s="14"/>
      <c r="V141" s="14"/>
      <c r="W141" s="14"/>
      <c r="X141" s="18"/>
      <c r="Y141" s="14"/>
      <c r="Z141" s="14"/>
      <c r="AA141" s="14"/>
      <c r="AB141" s="14"/>
      <c r="AC141" s="14"/>
      <c r="AD141" s="21"/>
    </row>
    <row r="142" spans="1:30" ht="24.95" customHeight="1" x14ac:dyDescent="0.4">
      <c r="A142" s="15">
        <v>138</v>
      </c>
      <c r="B142" s="16"/>
      <c r="C142" s="17"/>
      <c r="D142" s="16"/>
      <c r="E142" s="17"/>
      <c r="F142" s="18"/>
      <c r="G142" s="19"/>
      <c r="H142" s="19"/>
      <c r="I142" s="14"/>
      <c r="J142" s="14"/>
      <c r="K142" s="20"/>
      <c r="L142" s="20"/>
      <c r="M142" s="20"/>
      <c r="N142" s="20"/>
      <c r="O142" s="14"/>
      <c r="P142" s="21"/>
      <c r="Q142" s="14"/>
      <c r="R142" s="18"/>
      <c r="S142" s="14"/>
      <c r="T142" s="14"/>
      <c r="U142" s="14"/>
      <c r="V142" s="14"/>
      <c r="W142" s="14"/>
      <c r="X142" s="18"/>
      <c r="Y142" s="14"/>
      <c r="Z142" s="14"/>
      <c r="AA142" s="14"/>
      <c r="AB142" s="14"/>
      <c r="AC142" s="14"/>
      <c r="AD142" s="21"/>
    </row>
    <row r="143" spans="1:30" ht="24.95" customHeight="1" x14ac:dyDescent="0.4">
      <c r="A143" s="15">
        <v>139</v>
      </c>
      <c r="B143" s="16"/>
      <c r="C143" s="17"/>
      <c r="D143" s="16"/>
      <c r="E143" s="17"/>
      <c r="F143" s="18"/>
      <c r="G143" s="19"/>
      <c r="H143" s="19"/>
      <c r="I143" s="14"/>
      <c r="J143" s="14"/>
      <c r="K143" s="20"/>
      <c r="L143" s="20"/>
      <c r="M143" s="20"/>
      <c r="N143" s="20"/>
      <c r="O143" s="14"/>
      <c r="P143" s="21"/>
      <c r="Q143" s="14"/>
      <c r="R143" s="18"/>
      <c r="S143" s="14"/>
      <c r="T143" s="14"/>
      <c r="U143" s="14"/>
      <c r="V143" s="14"/>
      <c r="W143" s="14"/>
      <c r="X143" s="18"/>
      <c r="Y143" s="14"/>
      <c r="Z143" s="14"/>
      <c r="AA143" s="14"/>
      <c r="AB143" s="14"/>
      <c r="AC143" s="14"/>
      <c r="AD143" s="21"/>
    </row>
    <row r="144" spans="1:30" ht="24.95" customHeight="1" x14ac:dyDescent="0.4">
      <c r="A144" s="15">
        <v>140</v>
      </c>
      <c r="B144" s="16"/>
      <c r="C144" s="17"/>
      <c r="D144" s="16"/>
      <c r="E144" s="17"/>
      <c r="F144" s="18"/>
      <c r="G144" s="19"/>
      <c r="H144" s="19"/>
      <c r="I144" s="14"/>
      <c r="J144" s="14"/>
      <c r="K144" s="20"/>
      <c r="L144" s="20"/>
      <c r="M144" s="20"/>
      <c r="N144" s="20"/>
      <c r="O144" s="14"/>
      <c r="P144" s="21"/>
      <c r="Q144" s="14"/>
      <c r="R144" s="18"/>
      <c r="S144" s="14"/>
      <c r="T144" s="14"/>
      <c r="U144" s="14"/>
      <c r="V144" s="14"/>
      <c r="W144" s="14"/>
      <c r="X144" s="18"/>
      <c r="Y144" s="14"/>
      <c r="Z144" s="14"/>
      <c r="AA144" s="14"/>
      <c r="AB144" s="14"/>
      <c r="AC144" s="14"/>
      <c r="AD144" s="21"/>
    </row>
    <row r="145" spans="1:30" ht="24.95" customHeight="1" x14ac:dyDescent="0.4">
      <c r="A145" s="15">
        <v>141</v>
      </c>
      <c r="B145" s="16"/>
      <c r="C145" s="17"/>
      <c r="D145" s="16"/>
      <c r="E145" s="17"/>
      <c r="F145" s="18"/>
      <c r="G145" s="19"/>
      <c r="H145" s="19"/>
      <c r="I145" s="14"/>
      <c r="J145" s="14"/>
      <c r="K145" s="20"/>
      <c r="L145" s="20"/>
      <c r="M145" s="20"/>
      <c r="N145" s="20"/>
      <c r="O145" s="14"/>
      <c r="P145" s="21"/>
      <c r="Q145" s="14"/>
      <c r="R145" s="18"/>
      <c r="S145" s="14"/>
      <c r="T145" s="14"/>
      <c r="U145" s="14"/>
      <c r="V145" s="14"/>
      <c r="W145" s="14"/>
      <c r="X145" s="18"/>
      <c r="Y145" s="14"/>
      <c r="Z145" s="14"/>
      <c r="AA145" s="14"/>
      <c r="AB145" s="14"/>
      <c r="AC145" s="14"/>
      <c r="AD145" s="21"/>
    </row>
    <row r="146" spans="1:30" ht="24.95" customHeight="1" x14ac:dyDescent="0.4">
      <c r="A146" s="15">
        <v>142</v>
      </c>
      <c r="B146" s="16"/>
      <c r="C146" s="17"/>
      <c r="D146" s="16"/>
      <c r="E146" s="17"/>
      <c r="F146" s="18"/>
      <c r="G146" s="19"/>
      <c r="H146" s="19"/>
      <c r="I146" s="14"/>
      <c r="J146" s="14"/>
      <c r="K146" s="20"/>
      <c r="L146" s="20"/>
      <c r="M146" s="20"/>
      <c r="N146" s="20"/>
      <c r="O146" s="14"/>
      <c r="P146" s="21"/>
      <c r="Q146" s="14"/>
      <c r="R146" s="18"/>
      <c r="S146" s="14"/>
      <c r="T146" s="14"/>
      <c r="U146" s="14"/>
      <c r="V146" s="14"/>
      <c r="W146" s="14"/>
      <c r="X146" s="18"/>
      <c r="Y146" s="14"/>
      <c r="Z146" s="14"/>
      <c r="AA146" s="14"/>
      <c r="AB146" s="14"/>
      <c r="AC146" s="14"/>
      <c r="AD146" s="21"/>
    </row>
    <row r="147" spans="1:30" ht="24.95" customHeight="1" x14ac:dyDescent="0.4">
      <c r="A147" s="15">
        <v>143</v>
      </c>
      <c r="B147" s="16"/>
      <c r="C147" s="17"/>
      <c r="D147" s="16"/>
      <c r="E147" s="17"/>
      <c r="F147" s="18"/>
      <c r="G147" s="19"/>
      <c r="H147" s="19"/>
      <c r="I147" s="14"/>
      <c r="J147" s="14"/>
      <c r="K147" s="20"/>
      <c r="L147" s="20"/>
      <c r="M147" s="20"/>
      <c r="N147" s="20"/>
      <c r="O147" s="14"/>
      <c r="P147" s="21"/>
      <c r="Q147" s="14"/>
      <c r="R147" s="18"/>
      <c r="S147" s="14"/>
      <c r="T147" s="14"/>
      <c r="U147" s="14"/>
      <c r="V147" s="14"/>
      <c r="W147" s="14"/>
      <c r="X147" s="18"/>
      <c r="Y147" s="14"/>
      <c r="Z147" s="14"/>
      <c r="AA147" s="14"/>
      <c r="AB147" s="14"/>
      <c r="AC147" s="14"/>
      <c r="AD147" s="21"/>
    </row>
    <row r="148" spans="1:30" ht="24.95" customHeight="1" x14ac:dyDescent="0.4">
      <c r="A148" s="15">
        <v>144</v>
      </c>
      <c r="B148" s="16"/>
      <c r="C148" s="17"/>
      <c r="D148" s="16"/>
      <c r="E148" s="17"/>
      <c r="F148" s="18"/>
      <c r="G148" s="19"/>
      <c r="H148" s="19"/>
      <c r="I148" s="14"/>
      <c r="J148" s="14"/>
      <c r="K148" s="20"/>
      <c r="L148" s="20"/>
      <c r="M148" s="20"/>
      <c r="N148" s="20"/>
      <c r="O148" s="14"/>
      <c r="P148" s="21"/>
      <c r="Q148" s="14"/>
      <c r="R148" s="18"/>
      <c r="S148" s="14"/>
      <c r="T148" s="14"/>
      <c r="U148" s="14"/>
      <c r="V148" s="14"/>
      <c r="W148" s="14"/>
      <c r="X148" s="18"/>
      <c r="Y148" s="14"/>
      <c r="Z148" s="14"/>
      <c r="AA148" s="14"/>
      <c r="AB148" s="14"/>
      <c r="AC148" s="14"/>
      <c r="AD148" s="21"/>
    </row>
    <row r="149" spans="1:30" ht="24.95" customHeight="1" x14ac:dyDescent="0.4">
      <c r="A149" s="15">
        <v>145</v>
      </c>
      <c r="B149" s="16"/>
      <c r="C149" s="17"/>
      <c r="D149" s="16"/>
      <c r="E149" s="17"/>
      <c r="F149" s="18"/>
      <c r="G149" s="19"/>
      <c r="H149" s="19"/>
      <c r="I149" s="14"/>
      <c r="J149" s="14"/>
      <c r="K149" s="20"/>
      <c r="L149" s="20"/>
      <c r="M149" s="20"/>
      <c r="N149" s="20"/>
      <c r="O149" s="14"/>
      <c r="P149" s="21"/>
      <c r="Q149" s="14"/>
      <c r="R149" s="18"/>
      <c r="S149" s="14"/>
      <c r="T149" s="14"/>
      <c r="U149" s="14"/>
      <c r="V149" s="14"/>
      <c r="W149" s="14"/>
      <c r="X149" s="18"/>
      <c r="Y149" s="14"/>
      <c r="Z149" s="14"/>
      <c r="AA149" s="14"/>
      <c r="AB149" s="14"/>
      <c r="AC149" s="14"/>
      <c r="AD149" s="21"/>
    </row>
    <row r="150" spans="1:30" ht="24.95" customHeight="1" x14ac:dyDescent="0.4">
      <c r="A150" s="15">
        <v>146</v>
      </c>
      <c r="B150" s="16"/>
      <c r="C150" s="17"/>
      <c r="D150" s="16"/>
      <c r="E150" s="17"/>
      <c r="F150" s="18"/>
      <c r="G150" s="19"/>
      <c r="H150" s="19"/>
      <c r="I150" s="14"/>
      <c r="J150" s="14"/>
      <c r="K150" s="20"/>
      <c r="L150" s="20"/>
      <c r="M150" s="20"/>
      <c r="N150" s="20"/>
      <c r="O150" s="14"/>
      <c r="P150" s="21"/>
      <c r="Q150" s="14"/>
      <c r="R150" s="18"/>
      <c r="S150" s="14"/>
      <c r="T150" s="14"/>
      <c r="U150" s="14"/>
      <c r="V150" s="14"/>
      <c r="W150" s="14"/>
      <c r="X150" s="18"/>
      <c r="Y150" s="14"/>
      <c r="Z150" s="14"/>
      <c r="AA150" s="14"/>
      <c r="AB150" s="14"/>
      <c r="AC150" s="14"/>
      <c r="AD150" s="21"/>
    </row>
    <row r="151" spans="1:30" ht="24.95" customHeight="1" x14ac:dyDescent="0.4">
      <c r="A151" s="15">
        <v>147</v>
      </c>
      <c r="B151" s="16"/>
      <c r="C151" s="17"/>
      <c r="D151" s="16"/>
      <c r="E151" s="17"/>
      <c r="F151" s="18"/>
      <c r="G151" s="19"/>
      <c r="H151" s="19"/>
      <c r="I151" s="14"/>
      <c r="J151" s="14"/>
      <c r="K151" s="20"/>
      <c r="L151" s="20"/>
      <c r="M151" s="20"/>
      <c r="N151" s="20"/>
      <c r="O151" s="14"/>
      <c r="P151" s="21"/>
      <c r="Q151" s="14"/>
      <c r="R151" s="18"/>
      <c r="S151" s="14"/>
      <c r="T151" s="14"/>
      <c r="U151" s="14"/>
      <c r="V151" s="14"/>
      <c r="W151" s="14"/>
      <c r="X151" s="18"/>
      <c r="Y151" s="14"/>
      <c r="Z151" s="14"/>
      <c r="AA151" s="14"/>
      <c r="AB151" s="14"/>
      <c r="AC151" s="14"/>
      <c r="AD151" s="21"/>
    </row>
    <row r="152" spans="1:30" ht="24.95" customHeight="1" x14ac:dyDescent="0.4">
      <c r="A152" s="15">
        <v>148</v>
      </c>
      <c r="B152" s="16"/>
      <c r="C152" s="17"/>
      <c r="D152" s="16"/>
      <c r="E152" s="17"/>
      <c r="F152" s="18"/>
      <c r="G152" s="19"/>
      <c r="H152" s="19"/>
      <c r="I152" s="14"/>
      <c r="J152" s="14"/>
      <c r="K152" s="20"/>
      <c r="L152" s="20"/>
      <c r="M152" s="20"/>
      <c r="N152" s="20"/>
      <c r="O152" s="14"/>
      <c r="P152" s="21"/>
      <c r="Q152" s="14"/>
      <c r="R152" s="18"/>
      <c r="S152" s="14"/>
      <c r="T152" s="14"/>
      <c r="U152" s="14"/>
      <c r="V152" s="14"/>
      <c r="W152" s="14"/>
      <c r="X152" s="18"/>
      <c r="Y152" s="14"/>
      <c r="Z152" s="14"/>
      <c r="AA152" s="14"/>
      <c r="AB152" s="14"/>
      <c r="AC152" s="14"/>
      <c r="AD152" s="21"/>
    </row>
    <row r="153" spans="1:30" ht="24.95" customHeight="1" x14ac:dyDescent="0.4">
      <c r="A153" s="15">
        <v>149</v>
      </c>
      <c r="B153" s="16"/>
      <c r="C153" s="17"/>
      <c r="D153" s="16"/>
      <c r="E153" s="17"/>
      <c r="F153" s="18"/>
      <c r="G153" s="19"/>
      <c r="H153" s="19"/>
      <c r="I153" s="14"/>
      <c r="J153" s="14"/>
      <c r="K153" s="20"/>
      <c r="L153" s="20"/>
      <c r="M153" s="20"/>
      <c r="N153" s="20"/>
      <c r="O153" s="14"/>
      <c r="P153" s="21"/>
      <c r="Q153" s="14"/>
      <c r="R153" s="18"/>
      <c r="S153" s="14"/>
      <c r="T153" s="14"/>
      <c r="U153" s="14"/>
      <c r="V153" s="14"/>
      <c r="W153" s="14"/>
      <c r="X153" s="18"/>
      <c r="Y153" s="14"/>
      <c r="Z153" s="14"/>
      <c r="AA153" s="14"/>
      <c r="AB153" s="14"/>
      <c r="AC153" s="14"/>
      <c r="AD153" s="21"/>
    </row>
    <row r="154" spans="1:30" ht="24.95" customHeight="1" x14ac:dyDescent="0.4">
      <c r="A154" s="15">
        <v>150</v>
      </c>
      <c r="B154" s="16"/>
      <c r="C154" s="17"/>
      <c r="D154" s="16"/>
      <c r="E154" s="17"/>
      <c r="F154" s="18"/>
      <c r="G154" s="19"/>
      <c r="H154" s="19"/>
      <c r="I154" s="14"/>
      <c r="J154" s="14"/>
      <c r="K154" s="20"/>
      <c r="L154" s="20"/>
      <c r="M154" s="20"/>
      <c r="N154" s="20"/>
      <c r="O154" s="14"/>
      <c r="P154" s="21"/>
      <c r="Q154" s="14"/>
      <c r="R154" s="18"/>
      <c r="S154" s="14"/>
      <c r="T154" s="14"/>
      <c r="U154" s="14"/>
      <c r="V154" s="14"/>
      <c r="W154" s="14"/>
      <c r="X154" s="18"/>
      <c r="Y154" s="14"/>
      <c r="Z154" s="14"/>
      <c r="AA154" s="14"/>
      <c r="AB154" s="14"/>
      <c r="AC154" s="14"/>
      <c r="AD154" s="21"/>
    </row>
    <row r="155" spans="1:30" ht="24.95" customHeight="1" x14ac:dyDescent="0.4">
      <c r="A155" s="15">
        <v>151</v>
      </c>
      <c r="B155" s="16"/>
      <c r="C155" s="17"/>
      <c r="D155" s="16"/>
      <c r="E155" s="17"/>
      <c r="F155" s="18"/>
      <c r="G155" s="19"/>
      <c r="H155" s="19"/>
      <c r="I155" s="14"/>
      <c r="J155" s="14"/>
      <c r="K155" s="20"/>
      <c r="L155" s="20"/>
      <c r="M155" s="20"/>
      <c r="N155" s="20"/>
      <c r="O155" s="14"/>
      <c r="P155" s="21"/>
      <c r="Q155" s="14"/>
      <c r="R155" s="18"/>
      <c r="S155" s="14"/>
      <c r="T155" s="14"/>
      <c r="U155" s="14"/>
      <c r="V155" s="14"/>
      <c r="W155" s="14"/>
      <c r="X155" s="18"/>
      <c r="Y155" s="14"/>
      <c r="Z155" s="14"/>
      <c r="AA155" s="14"/>
      <c r="AB155" s="14"/>
      <c r="AC155" s="14"/>
      <c r="AD155" s="21"/>
    </row>
    <row r="156" spans="1:30" ht="24.95" customHeight="1" x14ac:dyDescent="0.4">
      <c r="A156" s="15">
        <v>152</v>
      </c>
      <c r="B156" s="16"/>
      <c r="C156" s="17"/>
      <c r="D156" s="16"/>
      <c r="E156" s="17"/>
      <c r="F156" s="18"/>
      <c r="G156" s="19"/>
      <c r="H156" s="19"/>
      <c r="I156" s="14"/>
      <c r="J156" s="14"/>
      <c r="K156" s="20"/>
      <c r="L156" s="20"/>
      <c r="M156" s="20"/>
      <c r="N156" s="20"/>
      <c r="O156" s="14"/>
      <c r="P156" s="21"/>
      <c r="Q156" s="14"/>
      <c r="R156" s="18"/>
      <c r="S156" s="14"/>
      <c r="T156" s="14"/>
      <c r="U156" s="14"/>
      <c r="V156" s="14"/>
      <c r="W156" s="14"/>
      <c r="X156" s="18"/>
      <c r="Y156" s="14"/>
      <c r="Z156" s="14"/>
      <c r="AA156" s="14"/>
      <c r="AB156" s="14"/>
      <c r="AC156" s="14"/>
      <c r="AD156" s="21"/>
    </row>
    <row r="157" spans="1:30" ht="24.95" customHeight="1" x14ac:dyDescent="0.4">
      <c r="A157" s="15">
        <v>153</v>
      </c>
      <c r="B157" s="16"/>
      <c r="C157" s="17"/>
      <c r="D157" s="16"/>
      <c r="E157" s="17"/>
      <c r="F157" s="18"/>
      <c r="G157" s="19"/>
      <c r="H157" s="19"/>
      <c r="I157" s="14"/>
      <c r="J157" s="14"/>
      <c r="K157" s="20"/>
      <c r="L157" s="20"/>
      <c r="M157" s="20"/>
      <c r="N157" s="20"/>
      <c r="O157" s="14"/>
      <c r="P157" s="21"/>
      <c r="Q157" s="14"/>
      <c r="R157" s="18"/>
      <c r="S157" s="14"/>
      <c r="T157" s="14"/>
      <c r="U157" s="14"/>
      <c r="V157" s="14"/>
      <c r="W157" s="14"/>
      <c r="X157" s="18"/>
      <c r="Y157" s="14"/>
      <c r="Z157" s="14"/>
      <c r="AA157" s="14"/>
      <c r="AB157" s="14"/>
      <c r="AC157" s="14"/>
      <c r="AD157" s="21"/>
    </row>
    <row r="158" spans="1:30" ht="24.95" customHeight="1" x14ac:dyDescent="0.4">
      <c r="A158" s="15">
        <v>154</v>
      </c>
      <c r="B158" s="16"/>
      <c r="C158" s="17"/>
      <c r="D158" s="16"/>
      <c r="E158" s="17"/>
      <c r="F158" s="18"/>
      <c r="G158" s="19"/>
      <c r="H158" s="19"/>
      <c r="I158" s="14"/>
      <c r="J158" s="14"/>
      <c r="K158" s="20"/>
      <c r="L158" s="20"/>
      <c r="M158" s="20"/>
      <c r="N158" s="20"/>
      <c r="O158" s="14"/>
      <c r="P158" s="21"/>
      <c r="Q158" s="14"/>
      <c r="R158" s="18"/>
      <c r="S158" s="14"/>
      <c r="T158" s="14"/>
      <c r="U158" s="14"/>
      <c r="V158" s="14"/>
      <c r="W158" s="14"/>
      <c r="X158" s="18"/>
      <c r="Y158" s="14"/>
      <c r="Z158" s="14"/>
      <c r="AA158" s="14"/>
      <c r="AB158" s="14"/>
      <c r="AC158" s="14"/>
      <c r="AD158" s="21"/>
    </row>
    <row r="159" spans="1:30" ht="24.95" customHeight="1" x14ac:dyDescent="0.4">
      <c r="A159" s="15">
        <v>155</v>
      </c>
      <c r="B159" s="16"/>
      <c r="C159" s="17"/>
      <c r="D159" s="16"/>
      <c r="E159" s="17"/>
      <c r="F159" s="18"/>
      <c r="G159" s="19"/>
      <c r="H159" s="19"/>
      <c r="I159" s="14"/>
      <c r="J159" s="14"/>
      <c r="K159" s="20"/>
      <c r="L159" s="20"/>
      <c r="M159" s="20"/>
      <c r="N159" s="20"/>
      <c r="O159" s="14"/>
      <c r="P159" s="21"/>
      <c r="Q159" s="14"/>
      <c r="R159" s="18"/>
      <c r="S159" s="14"/>
      <c r="T159" s="14"/>
      <c r="U159" s="14"/>
      <c r="V159" s="14"/>
      <c r="W159" s="14"/>
      <c r="X159" s="18"/>
      <c r="Y159" s="14"/>
      <c r="Z159" s="14"/>
      <c r="AA159" s="14"/>
      <c r="AB159" s="14"/>
      <c r="AC159" s="14"/>
      <c r="AD159" s="21"/>
    </row>
    <row r="160" spans="1:30" ht="24.95" customHeight="1" x14ac:dyDescent="0.4">
      <c r="A160" s="15">
        <v>156</v>
      </c>
      <c r="B160" s="16"/>
      <c r="C160" s="17"/>
      <c r="D160" s="16"/>
      <c r="E160" s="17"/>
      <c r="F160" s="18"/>
      <c r="G160" s="19"/>
      <c r="H160" s="19"/>
      <c r="I160" s="14"/>
      <c r="J160" s="14"/>
      <c r="K160" s="20"/>
      <c r="L160" s="20"/>
      <c r="M160" s="20"/>
      <c r="N160" s="20"/>
      <c r="O160" s="14"/>
      <c r="P160" s="21"/>
      <c r="Q160" s="14"/>
      <c r="R160" s="18"/>
      <c r="S160" s="14"/>
      <c r="T160" s="14"/>
      <c r="U160" s="14"/>
      <c r="V160" s="14"/>
      <c r="W160" s="14"/>
      <c r="X160" s="18"/>
      <c r="Y160" s="14"/>
      <c r="Z160" s="14"/>
      <c r="AA160" s="14"/>
      <c r="AB160" s="14"/>
      <c r="AC160" s="14"/>
      <c r="AD160" s="21"/>
    </row>
    <row r="161" spans="1:30" ht="24.95" customHeight="1" x14ac:dyDescent="0.4">
      <c r="A161" s="15">
        <v>157</v>
      </c>
      <c r="B161" s="16"/>
      <c r="C161" s="17"/>
      <c r="D161" s="16"/>
      <c r="E161" s="17"/>
      <c r="F161" s="18"/>
      <c r="G161" s="19"/>
      <c r="H161" s="19"/>
      <c r="I161" s="14"/>
      <c r="J161" s="14"/>
      <c r="K161" s="20"/>
      <c r="L161" s="20"/>
      <c r="M161" s="20"/>
      <c r="N161" s="20"/>
      <c r="O161" s="14"/>
      <c r="P161" s="21"/>
      <c r="Q161" s="14"/>
      <c r="R161" s="18"/>
      <c r="S161" s="14"/>
      <c r="T161" s="14"/>
      <c r="U161" s="14"/>
      <c r="V161" s="14"/>
      <c r="W161" s="14"/>
      <c r="X161" s="18"/>
      <c r="Y161" s="14"/>
      <c r="Z161" s="14"/>
      <c r="AA161" s="14"/>
      <c r="AB161" s="14"/>
      <c r="AC161" s="14"/>
      <c r="AD161" s="21"/>
    </row>
    <row r="162" spans="1:30" ht="24.95" customHeight="1" x14ac:dyDescent="0.4">
      <c r="A162" s="15">
        <v>158</v>
      </c>
      <c r="B162" s="16"/>
      <c r="C162" s="17"/>
      <c r="D162" s="16"/>
      <c r="E162" s="17"/>
      <c r="F162" s="18"/>
      <c r="G162" s="19"/>
      <c r="H162" s="19"/>
      <c r="I162" s="14"/>
      <c r="J162" s="14"/>
      <c r="K162" s="20"/>
      <c r="L162" s="20"/>
      <c r="M162" s="20"/>
      <c r="N162" s="20"/>
      <c r="O162" s="14"/>
      <c r="P162" s="21"/>
      <c r="Q162" s="14"/>
      <c r="R162" s="18"/>
      <c r="S162" s="14"/>
      <c r="T162" s="14"/>
      <c r="U162" s="14"/>
      <c r="V162" s="14"/>
      <c r="W162" s="14"/>
      <c r="X162" s="18"/>
      <c r="Y162" s="14"/>
      <c r="Z162" s="14"/>
      <c r="AA162" s="14"/>
      <c r="AB162" s="14"/>
      <c r="AC162" s="14"/>
      <c r="AD162" s="21"/>
    </row>
    <row r="163" spans="1:30" ht="24.95" customHeight="1" x14ac:dyDescent="0.4">
      <c r="A163" s="15">
        <v>159</v>
      </c>
      <c r="B163" s="16"/>
      <c r="C163" s="17"/>
      <c r="D163" s="16"/>
      <c r="E163" s="17"/>
      <c r="F163" s="18"/>
      <c r="G163" s="19"/>
      <c r="H163" s="19"/>
      <c r="I163" s="14"/>
      <c r="J163" s="14"/>
      <c r="K163" s="20"/>
      <c r="L163" s="20"/>
      <c r="M163" s="20"/>
      <c r="N163" s="20"/>
      <c r="O163" s="14"/>
      <c r="P163" s="21"/>
      <c r="Q163" s="14"/>
      <c r="R163" s="18"/>
      <c r="S163" s="14"/>
      <c r="T163" s="14"/>
      <c r="U163" s="14"/>
      <c r="V163" s="14"/>
      <c r="W163" s="14"/>
      <c r="X163" s="18"/>
      <c r="Y163" s="14"/>
      <c r="Z163" s="14"/>
      <c r="AA163" s="14"/>
      <c r="AB163" s="14"/>
      <c r="AC163" s="14"/>
      <c r="AD163" s="21"/>
    </row>
    <row r="164" spans="1:30" ht="24.95" customHeight="1" x14ac:dyDescent="0.4">
      <c r="A164" s="15">
        <v>160</v>
      </c>
      <c r="B164" s="16"/>
      <c r="C164" s="17"/>
      <c r="D164" s="16"/>
      <c r="E164" s="17"/>
      <c r="F164" s="18"/>
      <c r="G164" s="19"/>
      <c r="H164" s="19"/>
      <c r="I164" s="14"/>
      <c r="J164" s="14"/>
      <c r="K164" s="20"/>
      <c r="L164" s="20"/>
      <c r="M164" s="20"/>
      <c r="N164" s="20"/>
      <c r="O164" s="14"/>
      <c r="P164" s="21"/>
      <c r="Q164" s="14"/>
      <c r="R164" s="18"/>
      <c r="S164" s="14"/>
      <c r="T164" s="14"/>
      <c r="U164" s="14"/>
      <c r="V164" s="14"/>
      <c r="W164" s="14"/>
      <c r="X164" s="18"/>
      <c r="Y164" s="14"/>
      <c r="Z164" s="14"/>
      <c r="AA164" s="14"/>
      <c r="AB164" s="14"/>
      <c r="AC164" s="14"/>
      <c r="AD164" s="21"/>
    </row>
    <row r="165" spans="1:30" ht="24.95" customHeight="1" x14ac:dyDescent="0.4">
      <c r="A165" s="15">
        <v>161</v>
      </c>
      <c r="B165" s="16"/>
      <c r="C165" s="17"/>
      <c r="D165" s="16"/>
      <c r="E165" s="17"/>
      <c r="F165" s="18"/>
      <c r="G165" s="19"/>
      <c r="H165" s="19"/>
      <c r="I165" s="14"/>
      <c r="J165" s="14"/>
      <c r="K165" s="20"/>
      <c r="L165" s="20"/>
      <c r="M165" s="20"/>
      <c r="N165" s="20"/>
      <c r="O165" s="14"/>
      <c r="P165" s="21"/>
      <c r="Q165" s="14"/>
      <c r="R165" s="18"/>
      <c r="S165" s="14"/>
      <c r="T165" s="14"/>
      <c r="U165" s="14"/>
      <c r="V165" s="14"/>
      <c r="W165" s="14"/>
      <c r="X165" s="18"/>
      <c r="Y165" s="14"/>
      <c r="Z165" s="14"/>
      <c r="AA165" s="14"/>
      <c r="AB165" s="14"/>
      <c r="AC165" s="14"/>
      <c r="AD165" s="21"/>
    </row>
    <row r="166" spans="1:30" ht="24.95" customHeight="1" x14ac:dyDescent="0.4">
      <c r="A166" s="15">
        <v>162</v>
      </c>
      <c r="B166" s="16"/>
      <c r="C166" s="17"/>
      <c r="D166" s="16"/>
      <c r="E166" s="17"/>
      <c r="F166" s="18"/>
      <c r="G166" s="19"/>
      <c r="H166" s="19"/>
      <c r="I166" s="14"/>
      <c r="J166" s="14"/>
      <c r="K166" s="20"/>
      <c r="L166" s="20"/>
      <c r="M166" s="20"/>
      <c r="N166" s="20"/>
      <c r="O166" s="14"/>
      <c r="P166" s="21"/>
      <c r="Q166" s="14"/>
      <c r="R166" s="18"/>
      <c r="S166" s="14"/>
      <c r="T166" s="14"/>
      <c r="U166" s="14"/>
      <c r="V166" s="14"/>
      <c r="W166" s="14"/>
      <c r="X166" s="18"/>
      <c r="Y166" s="14"/>
      <c r="Z166" s="14"/>
      <c r="AA166" s="14"/>
      <c r="AB166" s="14"/>
      <c r="AC166" s="14"/>
      <c r="AD166" s="21"/>
    </row>
    <row r="167" spans="1:30" ht="24.95" customHeight="1" x14ac:dyDescent="0.4">
      <c r="A167" s="15">
        <v>163</v>
      </c>
      <c r="B167" s="16"/>
      <c r="C167" s="17"/>
      <c r="D167" s="16"/>
      <c r="E167" s="17"/>
      <c r="F167" s="18"/>
      <c r="G167" s="19"/>
      <c r="H167" s="19"/>
      <c r="I167" s="14"/>
      <c r="J167" s="14"/>
      <c r="K167" s="20"/>
      <c r="L167" s="20"/>
      <c r="M167" s="20"/>
      <c r="N167" s="20"/>
      <c r="O167" s="14"/>
      <c r="P167" s="21"/>
      <c r="Q167" s="14"/>
      <c r="R167" s="18"/>
      <c r="S167" s="14"/>
      <c r="T167" s="14"/>
      <c r="U167" s="14"/>
      <c r="V167" s="14"/>
      <c r="W167" s="14"/>
      <c r="X167" s="18"/>
      <c r="Y167" s="14"/>
      <c r="Z167" s="14"/>
      <c r="AA167" s="14"/>
      <c r="AB167" s="14"/>
      <c r="AC167" s="14"/>
      <c r="AD167" s="21"/>
    </row>
    <row r="168" spans="1:30" ht="24.95" customHeight="1" x14ac:dyDescent="0.4">
      <c r="A168" s="15">
        <v>164</v>
      </c>
      <c r="B168" s="16"/>
      <c r="C168" s="17"/>
      <c r="D168" s="16"/>
      <c r="E168" s="17"/>
      <c r="F168" s="18"/>
      <c r="G168" s="19"/>
      <c r="H168" s="19"/>
      <c r="I168" s="14"/>
      <c r="J168" s="14"/>
      <c r="K168" s="20"/>
      <c r="L168" s="20"/>
      <c r="M168" s="20"/>
      <c r="N168" s="20"/>
      <c r="O168" s="14"/>
      <c r="P168" s="21"/>
      <c r="Q168" s="14"/>
      <c r="R168" s="18"/>
      <c r="S168" s="14"/>
      <c r="T168" s="14"/>
      <c r="U168" s="14"/>
      <c r="V168" s="14"/>
      <c r="W168" s="14"/>
      <c r="X168" s="18"/>
      <c r="Y168" s="14"/>
      <c r="Z168" s="14"/>
      <c r="AA168" s="14"/>
      <c r="AB168" s="14"/>
      <c r="AC168" s="14"/>
      <c r="AD168" s="21"/>
    </row>
    <row r="169" spans="1:30" ht="24.95" customHeight="1" x14ac:dyDescent="0.4">
      <c r="A169" s="15">
        <v>165</v>
      </c>
      <c r="B169" s="16"/>
      <c r="C169" s="17"/>
      <c r="D169" s="16"/>
      <c r="E169" s="17"/>
      <c r="F169" s="18"/>
      <c r="G169" s="19"/>
      <c r="H169" s="19"/>
      <c r="I169" s="14"/>
      <c r="J169" s="14"/>
      <c r="K169" s="20"/>
      <c r="L169" s="20"/>
      <c r="M169" s="20"/>
      <c r="N169" s="20"/>
      <c r="O169" s="14"/>
      <c r="P169" s="21"/>
      <c r="Q169" s="14"/>
      <c r="R169" s="18"/>
      <c r="S169" s="14"/>
      <c r="T169" s="14"/>
      <c r="U169" s="14"/>
      <c r="V169" s="14"/>
      <c r="W169" s="14"/>
      <c r="X169" s="18"/>
      <c r="Y169" s="14"/>
      <c r="Z169" s="14"/>
      <c r="AA169" s="14"/>
      <c r="AB169" s="14"/>
      <c r="AC169" s="14"/>
      <c r="AD169" s="21"/>
    </row>
    <row r="170" spans="1:30" ht="24.95" customHeight="1" x14ac:dyDescent="0.4">
      <c r="A170" s="15">
        <v>166</v>
      </c>
      <c r="B170" s="16"/>
      <c r="C170" s="17"/>
      <c r="D170" s="16"/>
      <c r="E170" s="17"/>
      <c r="F170" s="18"/>
      <c r="G170" s="19"/>
      <c r="H170" s="19"/>
      <c r="I170" s="14"/>
      <c r="J170" s="14"/>
      <c r="K170" s="20"/>
      <c r="L170" s="20"/>
      <c r="M170" s="20"/>
      <c r="N170" s="20"/>
      <c r="O170" s="14"/>
      <c r="P170" s="21"/>
      <c r="Q170" s="14"/>
      <c r="R170" s="18"/>
      <c r="S170" s="14"/>
      <c r="T170" s="14"/>
      <c r="U170" s="14"/>
      <c r="V170" s="14"/>
      <c r="W170" s="14"/>
      <c r="X170" s="18"/>
      <c r="Y170" s="14"/>
      <c r="Z170" s="14"/>
      <c r="AA170" s="14"/>
      <c r="AB170" s="14"/>
      <c r="AC170" s="14"/>
      <c r="AD170" s="21"/>
    </row>
    <row r="171" spans="1:30" ht="24.95" customHeight="1" x14ac:dyDescent="0.4">
      <c r="A171" s="15">
        <v>167</v>
      </c>
      <c r="B171" s="16"/>
      <c r="C171" s="17"/>
      <c r="D171" s="16"/>
      <c r="E171" s="17"/>
      <c r="F171" s="18"/>
      <c r="G171" s="19"/>
      <c r="H171" s="19"/>
      <c r="I171" s="14"/>
      <c r="J171" s="14"/>
      <c r="K171" s="20"/>
      <c r="L171" s="20"/>
      <c r="M171" s="20"/>
      <c r="N171" s="20"/>
      <c r="O171" s="14"/>
      <c r="P171" s="21"/>
      <c r="Q171" s="14"/>
      <c r="R171" s="18"/>
      <c r="S171" s="14"/>
      <c r="T171" s="14"/>
      <c r="U171" s="14"/>
      <c r="V171" s="14"/>
      <c r="W171" s="14"/>
      <c r="X171" s="18"/>
      <c r="Y171" s="14"/>
      <c r="Z171" s="14"/>
      <c r="AA171" s="14"/>
      <c r="AB171" s="14"/>
      <c r="AC171" s="14"/>
      <c r="AD171" s="21"/>
    </row>
    <row r="172" spans="1:30" ht="24.95" customHeight="1" x14ac:dyDescent="0.4">
      <c r="A172" s="15">
        <v>168</v>
      </c>
      <c r="B172" s="16"/>
      <c r="C172" s="17"/>
      <c r="D172" s="16"/>
      <c r="E172" s="17"/>
      <c r="F172" s="18"/>
      <c r="G172" s="19"/>
      <c r="H172" s="19"/>
      <c r="I172" s="14"/>
      <c r="J172" s="14"/>
      <c r="K172" s="20"/>
      <c r="L172" s="20"/>
      <c r="M172" s="20"/>
      <c r="N172" s="20"/>
      <c r="O172" s="14"/>
      <c r="P172" s="21"/>
      <c r="Q172" s="14"/>
      <c r="R172" s="18"/>
      <c r="S172" s="14"/>
      <c r="T172" s="14"/>
      <c r="U172" s="14"/>
      <c r="V172" s="14"/>
      <c r="W172" s="14"/>
      <c r="X172" s="18"/>
      <c r="Y172" s="14"/>
      <c r="Z172" s="14"/>
      <c r="AA172" s="14"/>
      <c r="AB172" s="14"/>
      <c r="AC172" s="14"/>
      <c r="AD172" s="21"/>
    </row>
    <row r="173" spans="1:30" ht="24.95" customHeight="1" x14ac:dyDescent="0.4">
      <c r="A173" s="15">
        <v>169</v>
      </c>
      <c r="B173" s="16"/>
      <c r="C173" s="17"/>
      <c r="D173" s="16"/>
      <c r="E173" s="17"/>
      <c r="F173" s="18"/>
      <c r="G173" s="19"/>
      <c r="H173" s="19"/>
      <c r="I173" s="14"/>
      <c r="J173" s="14"/>
      <c r="K173" s="20"/>
      <c r="L173" s="20"/>
      <c r="M173" s="20"/>
      <c r="N173" s="20"/>
      <c r="O173" s="14"/>
      <c r="P173" s="21"/>
      <c r="Q173" s="14"/>
      <c r="R173" s="18"/>
      <c r="S173" s="14"/>
      <c r="T173" s="14"/>
      <c r="U173" s="14"/>
      <c r="V173" s="14"/>
      <c r="W173" s="14"/>
      <c r="X173" s="18"/>
      <c r="Y173" s="14"/>
      <c r="Z173" s="14"/>
      <c r="AA173" s="14"/>
      <c r="AB173" s="14"/>
      <c r="AC173" s="14"/>
      <c r="AD173" s="21"/>
    </row>
    <row r="174" spans="1:30" ht="24.95" customHeight="1" x14ac:dyDescent="0.4">
      <c r="A174" s="15">
        <v>170</v>
      </c>
      <c r="B174" s="16"/>
      <c r="C174" s="17"/>
      <c r="D174" s="16"/>
      <c r="E174" s="17"/>
      <c r="F174" s="18"/>
      <c r="G174" s="19"/>
      <c r="H174" s="19"/>
      <c r="I174" s="14"/>
      <c r="J174" s="14"/>
      <c r="K174" s="20"/>
      <c r="L174" s="20"/>
      <c r="M174" s="20"/>
      <c r="N174" s="20"/>
      <c r="O174" s="14"/>
      <c r="P174" s="21"/>
      <c r="Q174" s="14"/>
      <c r="R174" s="18"/>
      <c r="S174" s="14"/>
      <c r="T174" s="14"/>
      <c r="U174" s="14"/>
      <c r="V174" s="14"/>
      <c r="W174" s="14"/>
      <c r="X174" s="18"/>
      <c r="Y174" s="14"/>
      <c r="Z174" s="14"/>
      <c r="AA174" s="14"/>
      <c r="AB174" s="14"/>
      <c r="AC174" s="14"/>
      <c r="AD174" s="21"/>
    </row>
    <row r="175" spans="1:30" ht="24.95" customHeight="1" x14ac:dyDescent="0.4">
      <c r="A175" s="15">
        <v>171</v>
      </c>
      <c r="B175" s="16"/>
      <c r="C175" s="17"/>
      <c r="D175" s="16"/>
      <c r="E175" s="17"/>
      <c r="F175" s="18"/>
      <c r="G175" s="19"/>
      <c r="H175" s="19"/>
      <c r="I175" s="14"/>
      <c r="J175" s="14"/>
      <c r="K175" s="20"/>
      <c r="L175" s="20"/>
      <c r="M175" s="20"/>
      <c r="N175" s="20"/>
      <c r="O175" s="14"/>
      <c r="P175" s="21"/>
      <c r="Q175" s="14"/>
      <c r="R175" s="18"/>
      <c r="S175" s="14"/>
      <c r="T175" s="14"/>
      <c r="U175" s="14"/>
      <c r="V175" s="14"/>
      <c r="W175" s="14"/>
      <c r="X175" s="18"/>
      <c r="Y175" s="14"/>
      <c r="Z175" s="14"/>
      <c r="AA175" s="14"/>
      <c r="AB175" s="14"/>
      <c r="AC175" s="14"/>
      <c r="AD175" s="21"/>
    </row>
    <row r="176" spans="1:30" ht="24.95" customHeight="1" x14ac:dyDescent="0.4">
      <c r="A176" s="15">
        <v>172</v>
      </c>
      <c r="B176" s="16"/>
      <c r="C176" s="17"/>
      <c r="D176" s="16"/>
      <c r="E176" s="17"/>
      <c r="F176" s="18"/>
      <c r="G176" s="19"/>
      <c r="H176" s="19"/>
      <c r="I176" s="14"/>
      <c r="J176" s="14"/>
      <c r="K176" s="20"/>
      <c r="L176" s="20"/>
      <c r="M176" s="20"/>
      <c r="N176" s="20"/>
      <c r="O176" s="14"/>
      <c r="P176" s="21"/>
      <c r="Q176" s="14"/>
      <c r="R176" s="18"/>
      <c r="S176" s="14"/>
      <c r="T176" s="14"/>
      <c r="U176" s="14"/>
      <c r="V176" s="14"/>
      <c r="W176" s="14"/>
      <c r="X176" s="18"/>
      <c r="Y176" s="14"/>
      <c r="Z176" s="14"/>
      <c r="AA176" s="14"/>
      <c r="AB176" s="14"/>
      <c r="AC176" s="14"/>
      <c r="AD176" s="21"/>
    </row>
    <row r="177" spans="1:30" ht="24.95" customHeight="1" x14ac:dyDescent="0.4">
      <c r="A177" s="15">
        <v>173</v>
      </c>
      <c r="B177" s="16"/>
      <c r="C177" s="17"/>
      <c r="D177" s="16"/>
      <c r="E177" s="17"/>
      <c r="F177" s="18"/>
      <c r="G177" s="19"/>
      <c r="H177" s="19"/>
      <c r="I177" s="14"/>
      <c r="J177" s="14"/>
      <c r="K177" s="20"/>
      <c r="L177" s="20"/>
      <c r="M177" s="20"/>
      <c r="N177" s="20"/>
      <c r="O177" s="14"/>
      <c r="P177" s="21"/>
      <c r="Q177" s="14"/>
      <c r="R177" s="18"/>
      <c r="S177" s="14"/>
      <c r="T177" s="14"/>
      <c r="U177" s="14"/>
      <c r="V177" s="14"/>
      <c r="W177" s="14"/>
      <c r="X177" s="18"/>
      <c r="Y177" s="14"/>
      <c r="Z177" s="14"/>
      <c r="AA177" s="14"/>
      <c r="AB177" s="14"/>
      <c r="AC177" s="14"/>
      <c r="AD177" s="21"/>
    </row>
    <row r="178" spans="1:30" ht="24.95" customHeight="1" x14ac:dyDescent="0.4">
      <c r="A178" s="15">
        <v>174</v>
      </c>
      <c r="B178" s="16"/>
      <c r="C178" s="17"/>
      <c r="D178" s="16"/>
      <c r="E178" s="17"/>
      <c r="F178" s="18"/>
      <c r="G178" s="19"/>
      <c r="H178" s="19"/>
      <c r="I178" s="14"/>
      <c r="J178" s="14"/>
      <c r="K178" s="20"/>
      <c r="L178" s="20"/>
      <c r="M178" s="20"/>
      <c r="N178" s="20"/>
      <c r="O178" s="14"/>
      <c r="P178" s="21"/>
      <c r="Q178" s="14"/>
      <c r="R178" s="18"/>
      <c r="S178" s="14"/>
      <c r="T178" s="14"/>
      <c r="U178" s="14"/>
      <c r="V178" s="14"/>
      <c r="W178" s="14"/>
      <c r="X178" s="18"/>
      <c r="Y178" s="14"/>
      <c r="Z178" s="14"/>
      <c r="AA178" s="14"/>
      <c r="AB178" s="14"/>
      <c r="AC178" s="14"/>
      <c r="AD178" s="21"/>
    </row>
    <row r="179" spans="1:30" ht="24.95" customHeight="1" x14ac:dyDescent="0.4">
      <c r="A179" s="15">
        <v>175</v>
      </c>
      <c r="B179" s="16"/>
      <c r="C179" s="17"/>
      <c r="D179" s="16"/>
      <c r="E179" s="17"/>
      <c r="F179" s="18"/>
      <c r="G179" s="19"/>
      <c r="H179" s="19"/>
      <c r="I179" s="14"/>
      <c r="J179" s="14"/>
      <c r="K179" s="20"/>
      <c r="L179" s="20"/>
      <c r="M179" s="20"/>
      <c r="N179" s="20"/>
      <c r="O179" s="14"/>
      <c r="P179" s="21"/>
      <c r="Q179" s="14"/>
      <c r="R179" s="18"/>
      <c r="S179" s="14"/>
      <c r="T179" s="14"/>
      <c r="U179" s="14"/>
      <c r="V179" s="14"/>
      <c r="W179" s="14"/>
      <c r="X179" s="18"/>
      <c r="Y179" s="14"/>
      <c r="Z179" s="14"/>
      <c r="AA179" s="14"/>
      <c r="AB179" s="14"/>
      <c r="AC179" s="14"/>
      <c r="AD179" s="21"/>
    </row>
    <row r="180" spans="1:30" ht="24.95" customHeight="1" x14ac:dyDescent="0.4">
      <c r="A180" s="15">
        <v>176</v>
      </c>
      <c r="B180" s="16"/>
      <c r="C180" s="17"/>
      <c r="D180" s="16"/>
      <c r="E180" s="17"/>
      <c r="F180" s="18"/>
      <c r="G180" s="19"/>
      <c r="H180" s="19"/>
      <c r="I180" s="14"/>
      <c r="J180" s="14"/>
      <c r="K180" s="20"/>
      <c r="L180" s="20"/>
      <c r="M180" s="20"/>
      <c r="N180" s="20"/>
      <c r="O180" s="14"/>
      <c r="P180" s="21"/>
      <c r="Q180" s="14"/>
      <c r="R180" s="18"/>
      <c r="S180" s="14"/>
      <c r="T180" s="14"/>
      <c r="U180" s="14"/>
      <c r="V180" s="14"/>
      <c r="W180" s="14"/>
      <c r="X180" s="18"/>
      <c r="Y180" s="14"/>
      <c r="Z180" s="14"/>
      <c r="AA180" s="14"/>
      <c r="AB180" s="14"/>
      <c r="AC180" s="14"/>
      <c r="AD180" s="21"/>
    </row>
    <row r="181" spans="1:30" ht="24.95" customHeight="1" x14ac:dyDescent="0.4">
      <c r="A181" s="15">
        <v>177</v>
      </c>
      <c r="B181" s="16"/>
      <c r="C181" s="17"/>
      <c r="D181" s="16"/>
      <c r="E181" s="17"/>
      <c r="F181" s="18"/>
      <c r="G181" s="19"/>
      <c r="H181" s="19"/>
      <c r="I181" s="14"/>
      <c r="J181" s="14"/>
      <c r="K181" s="20"/>
      <c r="L181" s="20"/>
      <c r="M181" s="20"/>
      <c r="N181" s="20"/>
      <c r="O181" s="14"/>
      <c r="P181" s="21"/>
      <c r="Q181" s="14"/>
      <c r="R181" s="18"/>
      <c r="S181" s="14"/>
      <c r="T181" s="14"/>
      <c r="U181" s="14"/>
      <c r="V181" s="14"/>
      <c r="W181" s="14"/>
      <c r="X181" s="18"/>
      <c r="Y181" s="14"/>
      <c r="Z181" s="14"/>
      <c r="AA181" s="14"/>
      <c r="AB181" s="14"/>
      <c r="AC181" s="14"/>
      <c r="AD181" s="21"/>
    </row>
    <row r="182" spans="1:30" ht="24.95" customHeight="1" x14ac:dyDescent="0.4">
      <c r="A182" s="15">
        <v>178</v>
      </c>
      <c r="B182" s="16"/>
      <c r="C182" s="17"/>
      <c r="D182" s="16"/>
      <c r="E182" s="17"/>
      <c r="F182" s="18"/>
      <c r="G182" s="19"/>
      <c r="H182" s="19"/>
      <c r="I182" s="14"/>
      <c r="J182" s="14"/>
      <c r="K182" s="20"/>
      <c r="L182" s="20"/>
      <c r="M182" s="20"/>
      <c r="N182" s="20"/>
      <c r="O182" s="14"/>
      <c r="P182" s="21"/>
      <c r="Q182" s="14"/>
      <c r="R182" s="18"/>
      <c r="S182" s="14"/>
      <c r="T182" s="14"/>
      <c r="U182" s="14"/>
      <c r="V182" s="14"/>
      <c r="W182" s="14"/>
      <c r="X182" s="18"/>
      <c r="Y182" s="14"/>
      <c r="Z182" s="14"/>
      <c r="AA182" s="14"/>
      <c r="AB182" s="14"/>
      <c r="AC182" s="14"/>
      <c r="AD182" s="21"/>
    </row>
    <row r="183" spans="1:30" ht="24.95" customHeight="1" x14ac:dyDescent="0.4">
      <c r="A183" s="15">
        <v>179</v>
      </c>
      <c r="B183" s="16"/>
      <c r="C183" s="17"/>
      <c r="D183" s="16"/>
      <c r="E183" s="17"/>
      <c r="F183" s="18"/>
      <c r="G183" s="19"/>
      <c r="H183" s="19"/>
      <c r="I183" s="14"/>
      <c r="J183" s="14"/>
      <c r="K183" s="20"/>
      <c r="L183" s="20"/>
      <c r="M183" s="20"/>
      <c r="N183" s="20"/>
      <c r="O183" s="14"/>
      <c r="P183" s="21"/>
      <c r="Q183" s="14"/>
      <c r="R183" s="18"/>
      <c r="S183" s="14"/>
      <c r="T183" s="14"/>
      <c r="U183" s="14"/>
      <c r="V183" s="14"/>
      <c r="W183" s="14"/>
      <c r="X183" s="18"/>
      <c r="Y183" s="14"/>
      <c r="Z183" s="14"/>
      <c r="AA183" s="14"/>
      <c r="AB183" s="14"/>
      <c r="AC183" s="14"/>
      <c r="AD183" s="21"/>
    </row>
    <row r="184" spans="1:30" ht="24.95" customHeight="1" x14ac:dyDescent="0.4">
      <c r="A184" s="15">
        <v>180</v>
      </c>
      <c r="B184" s="16"/>
      <c r="C184" s="17"/>
      <c r="D184" s="16"/>
      <c r="E184" s="17"/>
      <c r="F184" s="18"/>
      <c r="G184" s="19"/>
      <c r="H184" s="19"/>
      <c r="I184" s="14"/>
      <c r="J184" s="14"/>
      <c r="K184" s="20"/>
      <c r="L184" s="20"/>
      <c r="M184" s="20"/>
      <c r="N184" s="20"/>
      <c r="O184" s="14"/>
      <c r="P184" s="21"/>
      <c r="Q184" s="14"/>
      <c r="R184" s="18"/>
      <c r="S184" s="14"/>
      <c r="T184" s="14"/>
      <c r="U184" s="14"/>
      <c r="V184" s="14"/>
      <c r="W184" s="14"/>
      <c r="X184" s="18"/>
      <c r="Y184" s="14"/>
      <c r="Z184" s="14"/>
      <c r="AA184" s="14"/>
      <c r="AB184" s="14"/>
      <c r="AC184" s="14"/>
      <c r="AD184" s="21"/>
    </row>
    <row r="185" spans="1:30" ht="24.95" customHeight="1" x14ac:dyDescent="0.4">
      <c r="A185" s="15">
        <v>181</v>
      </c>
      <c r="B185" s="16"/>
      <c r="C185" s="17"/>
      <c r="D185" s="16"/>
      <c r="E185" s="17"/>
      <c r="F185" s="18"/>
      <c r="G185" s="19"/>
      <c r="H185" s="19"/>
      <c r="I185" s="14"/>
      <c r="J185" s="14"/>
      <c r="K185" s="20"/>
      <c r="L185" s="20"/>
      <c r="M185" s="20"/>
      <c r="N185" s="20"/>
      <c r="O185" s="14"/>
      <c r="P185" s="21"/>
      <c r="Q185" s="14"/>
      <c r="R185" s="18"/>
      <c r="S185" s="14"/>
      <c r="T185" s="14"/>
      <c r="U185" s="14"/>
      <c r="V185" s="14"/>
      <c r="W185" s="14"/>
      <c r="X185" s="18"/>
      <c r="Y185" s="14"/>
      <c r="Z185" s="14"/>
      <c r="AA185" s="14"/>
      <c r="AB185" s="14"/>
      <c r="AC185" s="14"/>
      <c r="AD185" s="21"/>
    </row>
    <row r="186" spans="1:30" ht="24.95" customHeight="1" x14ac:dyDescent="0.4">
      <c r="A186" s="15">
        <v>182</v>
      </c>
      <c r="B186" s="16"/>
      <c r="C186" s="17"/>
      <c r="D186" s="16"/>
      <c r="E186" s="17"/>
      <c r="F186" s="18"/>
      <c r="G186" s="19"/>
      <c r="H186" s="19"/>
      <c r="I186" s="14"/>
      <c r="J186" s="14"/>
      <c r="K186" s="20"/>
      <c r="L186" s="20"/>
      <c r="M186" s="20"/>
      <c r="N186" s="20"/>
      <c r="O186" s="14"/>
      <c r="P186" s="21"/>
      <c r="Q186" s="14"/>
      <c r="R186" s="18"/>
      <c r="S186" s="14"/>
      <c r="T186" s="14"/>
      <c r="U186" s="14"/>
      <c r="V186" s="14"/>
      <c r="W186" s="14"/>
      <c r="X186" s="18"/>
      <c r="Y186" s="14"/>
      <c r="Z186" s="14"/>
      <c r="AA186" s="14"/>
      <c r="AB186" s="14"/>
      <c r="AC186" s="14"/>
      <c r="AD186" s="21"/>
    </row>
    <row r="187" spans="1:30" ht="24.95" customHeight="1" x14ac:dyDescent="0.4">
      <c r="A187" s="15">
        <v>183</v>
      </c>
      <c r="B187" s="16"/>
      <c r="C187" s="17"/>
      <c r="D187" s="16"/>
      <c r="E187" s="17"/>
      <c r="F187" s="18"/>
      <c r="G187" s="19"/>
      <c r="H187" s="19"/>
      <c r="I187" s="14"/>
      <c r="J187" s="14"/>
      <c r="K187" s="20"/>
      <c r="L187" s="20"/>
      <c r="M187" s="20"/>
      <c r="N187" s="20"/>
      <c r="O187" s="14"/>
      <c r="P187" s="21"/>
      <c r="Q187" s="14"/>
      <c r="R187" s="18"/>
      <c r="S187" s="14"/>
      <c r="T187" s="14"/>
      <c r="U187" s="14"/>
      <c r="V187" s="14"/>
      <c r="W187" s="14"/>
      <c r="X187" s="18"/>
      <c r="Y187" s="14"/>
      <c r="Z187" s="14"/>
      <c r="AA187" s="14"/>
      <c r="AB187" s="14"/>
      <c r="AC187" s="14"/>
      <c r="AD187" s="21"/>
    </row>
    <row r="188" spans="1:30" ht="24.95" customHeight="1" x14ac:dyDescent="0.4">
      <c r="A188" s="15">
        <v>184</v>
      </c>
      <c r="B188" s="16"/>
      <c r="C188" s="17"/>
      <c r="D188" s="16"/>
      <c r="E188" s="17"/>
      <c r="F188" s="18"/>
      <c r="G188" s="19"/>
      <c r="H188" s="19"/>
      <c r="I188" s="14"/>
      <c r="J188" s="14"/>
      <c r="K188" s="20"/>
      <c r="L188" s="20"/>
      <c r="M188" s="20"/>
      <c r="N188" s="20"/>
      <c r="O188" s="14"/>
      <c r="P188" s="21"/>
      <c r="Q188" s="14"/>
      <c r="R188" s="18"/>
      <c r="S188" s="14"/>
      <c r="T188" s="14"/>
      <c r="U188" s="14"/>
      <c r="V188" s="14"/>
      <c r="W188" s="14"/>
      <c r="X188" s="18"/>
      <c r="Y188" s="14"/>
      <c r="Z188" s="14"/>
      <c r="AA188" s="14"/>
      <c r="AB188" s="14"/>
      <c r="AC188" s="14"/>
      <c r="AD188" s="21"/>
    </row>
    <row r="189" spans="1:30" ht="24.95" customHeight="1" x14ac:dyDescent="0.4">
      <c r="A189" s="15">
        <v>185</v>
      </c>
      <c r="B189" s="16"/>
      <c r="C189" s="17"/>
      <c r="D189" s="16"/>
      <c r="E189" s="17"/>
      <c r="F189" s="18"/>
      <c r="G189" s="19"/>
      <c r="H189" s="19"/>
      <c r="I189" s="14"/>
      <c r="J189" s="14"/>
      <c r="K189" s="20"/>
      <c r="L189" s="20"/>
      <c r="M189" s="20"/>
      <c r="N189" s="20"/>
      <c r="O189" s="14"/>
      <c r="P189" s="21"/>
      <c r="Q189" s="14"/>
      <c r="R189" s="18"/>
      <c r="S189" s="14"/>
      <c r="T189" s="14"/>
      <c r="U189" s="14"/>
      <c r="V189" s="14"/>
      <c r="W189" s="14"/>
      <c r="X189" s="18"/>
      <c r="Y189" s="14"/>
      <c r="Z189" s="14"/>
      <c r="AA189" s="14"/>
      <c r="AB189" s="14"/>
      <c r="AC189" s="14"/>
      <c r="AD189" s="21"/>
    </row>
    <row r="190" spans="1:30" ht="24.95" customHeight="1" x14ac:dyDescent="0.4">
      <c r="A190" s="15">
        <v>186</v>
      </c>
      <c r="B190" s="16"/>
      <c r="C190" s="17"/>
      <c r="D190" s="16"/>
      <c r="E190" s="17"/>
      <c r="F190" s="18"/>
      <c r="G190" s="19"/>
      <c r="H190" s="19"/>
      <c r="I190" s="14"/>
      <c r="J190" s="14"/>
      <c r="K190" s="20"/>
      <c r="L190" s="20"/>
      <c r="M190" s="20"/>
      <c r="N190" s="20"/>
      <c r="O190" s="14"/>
      <c r="P190" s="21"/>
      <c r="Q190" s="14"/>
      <c r="R190" s="18"/>
      <c r="S190" s="14"/>
      <c r="T190" s="14"/>
      <c r="U190" s="14"/>
      <c r="V190" s="14"/>
      <c r="W190" s="14"/>
      <c r="X190" s="18"/>
      <c r="Y190" s="14"/>
      <c r="Z190" s="14"/>
      <c r="AA190" s="14"/>
      <c r="AB190" s="14"/>
      <c r="AC190" s="14"/>
      <c r="AD190" s="21"/>
    </row>
    <row r="191" spans="1:30" ht="24.95" customHeight="1" x14ac:dyDescent="0.4">
      <c r="A191" s="15">
        <v>187</v>
      </c>
      <c r="B191" s="16"/>
      <c r="C191" s="17"/>
      <c r="D191" s="16"/>
      <c r="E191" s="17"/>
      <c r="F191" s="18"/>
      <c r="G191" s="19"/>
      <c r="H191" s="19"/>
      <c r="I191" s="14"/>
      <c r="J191" s="14"/>
      <c r="K191" s="20"/>
      <c r="L191" s="20"/>
      <c r="M191" s="20"/>
      <c r="N191" s="20"/>
      <c r="O191" s="14"/>
      <c r="P191" s="21"/>
      <c r="Q191" s="14"/>
      <c r="R191" s="18"/>
      <c r="S191" s="14"/>
      <c r="T191" s="14"/>
      <c r="U191" s="14"/>
      <c r="V191" s="14"/>
      <c r="W191" s="14"/>
      <c r="X191" s="18"/>
      <c r="Y191" s="14"/>
      <c r="Z191" s="14"/>
      <c r="AA191" s="14"/>
      <c r="AB191" s="14"/>
      <c r="AC191" s="14"/>
      <c r="AD191" s="21"/>
    </row>
    <row r="192" spans="1:30" ht="24.95" customHeight="1" x14ac:dyDescent="0.4">
      <c r="A192" s="15">
        <v>188</v>
      </c>
      <c r="B192" s="16"/>
      <c r="C192" s="17"/>
      <c r="D192" s="16"/>
      <c r="E192" s="17"/>
      <c r="F192" s="18"/>
      <c r="G192" s="19"/>
      <c r="H192" s="19"/>
      <c r="I192" s="14"/>
      <c r="J192" s="14"/>
      <c r="K192" s="20"/>
      <c r="L192" s="20"/>
      <c r="M192" s="20"/>
      <c r="N192" s="20"/>
      <c r="O192" s="14"/>
      <c r="P192" s="21"/>
      <c r="Q192" s="14"/>
      <c r="R192" s="18"/>
      <c r="S192" s="14"/>
      <c r="T192" s="14"/>
      <c r="U192" s="14"/>
      <c r="V192" s="14"/>
      <c r="W192" s="14"/>
      <c r="X192" s="18"/>
      <c r="Y192" s="14"/>
      <c r="Z192" s="14"/>
      <c r="AA192" s="14"/>
      <c r="AB192" s="14"/>
      <c r="AC192" s="14"/>
      <c r="AD192" s="21"/>
    </row>
    <row r="193" spans="1:30" ht="24.95" customHeight="1" x14ac:dyDescent="0.4">
      <c r="A193" s="15">
        <v>189</v>
      </c>
      <c r="B193" s="16"/>
      <c r="C193" s="17"/>
      <c r="D193" s="16"/>
      <c r="E193" s="17"/>
      <c r="F193" s="18"/>
      <c r="G193" s="19"/>
      <c r="H193" s="19"/>
      <c r="I193" s="14"/>
      <c r="J193" s="14"/>
      <c r="K193" s="20"/>
      <c r="L193" s="20"/>
      <c r="M193" s="20"/>
      <c r="N193" s="20"/>
      <c r="O193" s="14"/>
      <c r="P193" s="21"/>
      <c r="Q193" s="14"/>
      <c r="R193" s="18"/>
      <c r="S193" s="14"/>
      <c r="T193" s="14"/>
      <c r="U193" s="14"/>
      <c r="V193" s="14"/>
      <c r="W193" s="14"/>
      <c r="X193" s="18"/>
      <c r="Y193" s="14"/>
      <c r="Z193" s="14"/>
      <c r="AA193" s="14"/>
      <c r="AB193" s="14"/>
      <c r="AC193" s="14"/>
      <c r="AD193" s="21"/>
    </row>
    <row r="194" spans="1:30" ht="24.95" customHeight="1" x14ac:dyDescent="0.4">
      <c r="A194" s="15">
        <v>190</v>
      </c>
      <c r="B194" s="16"/>
      <c r="C194" s="17"/>
      <c r="D194" s="16"/>
      <c r="E194" s="17"/>
      <c r="F194" s="18"/>
      <c r="G194" s="19"/>
      <c r="H194" s="19"/>
      <c r="I194" s="14"/>
      <c r="J194" s="14"/>
      <c r="K194" s="20"/>
      <c r="L194" s="20"/>
      <c r="M194" s="20"/>
      <c r="N194" s="20"/>
      <c r="O194" s="14"/>
      <c r="P194" s="21"/>
      <c r="Q194" s="14"/>
      <c r="R194" s="18"/>
      <c r="S194" s="14"/>
      <c r="T194" s="14"/>
      <c r="U194" s="14"/>
      <c r="V194" s="14"/>
      <c r="W194" s="14"/>
      <c r="X194" s="18"/>
      <c r="Y194" s="14"/>
      <c r="Z194" s="14"/>
      <c r="AA194" s="14"/>
      <c r="AB194" s="14"/>
      <c r="AC194" s="14"/>
      <c r="AD194" s="21"/>
    </row>
    <row r="195" spans="1:30" ht="24.95" customHeight="1" x14ac:dyDescent="0.4">
      <c r="A195" s="15">
        <v>191</v>
      </c>
      <c r="B195" s="16"/>
      <c r="C195" s="17"/>
      <c r="D195" s="16"/>
      <c r="E195" s="17"/>
      <c r="F195" s="18"/>
      <c r="G195" s="19"/>
      <c r="H195" s="19"/>
      <c r="I195" s="14"/>
      <c r="J195" s="14"/>
      <c r="K195" s="20"/>
      <c r="L195" s="20"/>
      <c r="M195" s="20"/>
      <c r="N195" s="20"/>
      <c r="O195" s="14"/>
      <c r="P195" s="21"/>
      <c r="Q195" s="14"/>
      <c r="R195" s="18"/>
      <c r="S195" s="14"/>
      <c r="T195" s="14"/>
      <c r="U195" s="14"/>
      <c r="V195" s="14"/>
      <c r="W195" s="14"/>
      <c r="X195" s="18"/>
      <c r="Y195" s="14"/>
      <c r="Z195" s="14"/>
      <c r="AA195" s="14"/>
      <c r="AB195" s="14"/>
      <c r="AC195" s="14"/>
      <c r="AD195" s="21"/>
    </row>
    <row r="196" spans="1:30" ht="24.95" customHeight="1" x14ac:dyDescent="0.4">
      <c r="A196" s="15">
        <v>192</v>
      </c>
      <c r="B196" s="16"/>
      <c r="C196" s="17"/>
      <c r="D196" s="16"/>
      <c r="E196" s="17"/>
      <c r="F196" s="18"/>
      <c r="G196" s="19"/>
      <c r="H196" s="19"/>
      <c r="I196" s="14"/>
      <c r="J196" s="14"/>
      <c r="K196" s="20"/>
      <c r="L196" s="20"/>
      <c r="M196" s="20"/>
      <c r="N196" s="20"/>
      <c r="O196" s="14"/>
      <c r="P196" s="21"/>
      <c r="Q196" s="14"/>
      <c r="R196" s="18"/>
      <c r="S196" s="14"/>
      <c r="T196" s="14"/>
      <c r="U196" s="14"/>
      <c r="V196" s="14"/>
      <c r="W196" s="14"/>
      <c r="X196" s="18"/>
      <c r="Y196" s="14"/>
      <c r="Z196" s="14"/>
      <c r="AA196" s="14"/>
      <c r="AB196" s="14"/>
      <c r="AC196" s="14"/>
      <c r="AD196" s="21"/>
    </row>
    <row r="197" spans="1:30" ht="24.95" customHeight="1" x14ac:dyDescent="0.4">
      <c r="A197" s="15">
        <v>193</v>
      </c>
      <c r="B197" s="16"/>
      <c r="C197" s="17"/>
      <c r="D197" s="16"/>
      <c r="E197" s="17"/>
      <c r="F197" s="18"/>
      <c r="G197" s="19"/>
      <c r="H197" s="19"/>
      <c r="I197" s="14"/>
      <c r="J197" s="14"/>
      <c r="K197" s="20"/>
      <c r="L197" s="20"/>
      <c r="M197" s="20"/>
      <c r="N197" s="20"/>
      <c r="O197" s="14"/>
      <c r="P197" s="21"/>
      <c r="Q197" s="14"/>
      <c r="R197" s="18"/>
      <c r="S197" s="14"/>
      <c r="T197" s="14"/>
      <c r="U197" s="14"/>
      <c r="V197" s="14"/>
      <c r="W197" s="14"/>
      <c r="X197" s="18"/>
      <c r="Y197" s="14"/>
      <c r="Z197" s="14"/>
      <c r="AA197" s="14"/>
      <c r="AB197" s="14"/>
      <c r="AC197" s="14"/>
      <c r="AD197" s="21"/>
    </row>
    <row r="198" spans="1:30" ht="24.95" customHeight="1" x14ac:dyDescent="0.4">
      <c r="A198" s="15">
        <v>194</v>
      </c>
      <c r="B198" s="16"/>
      <c r="C198" s="17"/>
      <c r="D198" s="16"/>
      <c r="E198" s="17"/>
      <c r="F198" s="18"/>
      <c r="G198" s="19"/>
      <c r="H198" s="19"/>
      <c r="I198" s="14"/>
      <c r="J198" s="14"/>
      <c r="K198" s="20"/>
      <c r="L198" s="20"/>
      <c r="M198" s="20"/>
      <c r="N198" s="20"/>
      <c r="O198" s="14"/>
      <c r="P198" s="21"/>
      <c r="Q198" s="14"/>
      <c r="R198" s="18"/>
      <c r="S198" s="14"/>
      <c r="T198" s="14"/>
      <c r="U198" s="14"/>
      <c r="V198" s="14"/>
      <c r="W198" s="14"/>
      <c r="X198" s="18"/>
      <c r="Y198" s="14"/>
      <c r="Z198" s="14"/>
      <c r="AA198" s="14"/>
      <c r="AB198" s="14"/>
      <c r="AC198" s="14"/>
      <c r="AD198" s="21"/>
    </row>
    <row r="199" spans="1:30" ht="24.95" customHeight="1" x14ac:dyDescent="0.4">
      <c r="A199" s="15">
        <v>195</v>
      </c>
      <c r="B199" s="16"/>
      <c r="C199" s="17"/>
      <c r="D199" s="16"/>
      <c r="E199" s="17"/>
      <c r="F199" s="18"/>
      <c r="G199" s="19"/>
      <c r="H199" s="19"/>
      <c r="I199" s="14"/>
      <c r="J199" s="14"/>
      <c r="K199" s="20"/>
      <c r="L199" s="20"/>
      <c r="M199" s="20"/>
      <c r="N199" s="20"/>
      <c r="O199" s="14"/>
      <c r="P199" s="21"/>
      <c r="Q199" s="14"/>
      <c r="R199" s="18"/>
      <c r="S199" s="14"/>
      <c r="T199" s="14"/>
      <c r="U199" s="14"/>
      <c r="V199" s="14"/>
      <c r="W199" s="14"/>
      <c r="X199" s="18"/>
      <c r="Y199" s="14"/>
      <c r="Z199" s="14"/>
      <c r="AA199" s="14"/>
      <c r="AB199" s="14"/>
      <c r="AC199" s="14"/>
      <c r="AD199" s="21"/>
    </row>
    <row r="200" spans="1:30" ht="24.95" customHeight="1" x14ac:dyDescent="0.4">
      <c r="A200" s="15">
        <v>196</v>
      </c>
      <c r="B200" s="16"/>
      <c r="C200" s="17"/>
      <c r="D200" s="16"/>
      <c r="E200" s="17"/>
      <c r="F200" s="18"/>
      <c r="G200" s="19"/>
      <c r="H200" s="19"/>
      <c r="I200" s="14"/>
      <c r="J200" s="14"/>
      <c r="K200" s="20"/>
      <c r="L200" s="20"/>
      <c r="M200" s="20"/>
      <c r="N200" s="20"/>
      <c r="O200" s="14"/>
      <c r="P200" s="21"/>
      <c r="Q200" s="14"/>
      <c r="R200" s="18"/>
      <c r="S200" s="14"/>
      <c r="T200" s="14"/>
      <c r="U200" s="14"/>
      <c r="V200" s="14"/>
      <c r="W200" s="14"/>
      <c r="X200" s="18"/>
      <c r="Y200" s="14"/>
      <c r="Z200" s="14"/>
      <c r="AA200" s="14"/>
      <c r="AB200" s="14"/>
      <c r="AC200" s="14"/>
      <c r="AD200" s="21"/>
    </row>
    <row r="201" spans="1:30" ht="24.95" customHeight="1" x14ac:dyDescent="0.4">
      <c r="A201" s="15">
        <v>197</v>
      </c>
      <c r="B201" s="16"/>
      <c r="C201" s="17"/>
      <c r="D201" s="16"/>
      <c r="E201" s="17"/>
      <c r="F201" s="18"/>
      <c r="G201" s="19"/>
      <c r="H201" s="19"/>
      <c r="I201" s="14"/>
      <c r="J201" s="14"/>
      <c r="K201" s="20"/>
      <c r="L201" s="20"/>
      <c r="M201" s="20"/>
      <c r="N201" s="20"/>
      <c r="O201" s="14"/>
      <c r="P201" s="21"/>
      <c r="Q201" s="14"/>
      <c r="R201" s="18"/>
      <c r="S201" s="14"/>
      <c r="T201" s="14"/>
      <c r="U201" s="14"/>
      <c r="V201" s="14"/>
      <c r="W201" s="14"/>
      <c r="X201" s="18"/>
      <c r="Y201" s="14"/>
      <c r="Z201" s="14"/>
      <c r="AA201" s="14"/>
      <c r="AB201" s="14"/>
      <c r="AC201" s="14"/>
      <c r="AD201" s="21"/>
    </row>
    <row r="202" spans="1:30" ht="24.95" customHeight="1" x14ac:dyDescent="0.4">
      <c r="A202" s="15">
        <v>198</v>
      </c>
      <c r="B202" s="16"/>
      <c r="C202" s="17"/>
      <c r="D202" s="16"/>
      <c r="E202" s="17"/>
      <c r="F202" s="18"/>
      <c r="G202" s="19"/>
      <c r="H202" s="19"/>
      <c r="I202" s="14"/>
      <c r="J202" s="14"/>
      <c r="K202" s="20"/>
      <c r="L202" s="20"/>
      <c r="M202" s="20"/>
      <c r="N202" s="20"/>
      <c r="O202" s="14"/>
      <c r="P202" s="21"/>
      <c r="Q202" s="14"/>
      <c r="R202" s="18"/>
      <c r="S202" s="14"/>
      <c r="T202" s="14"/>
      <c r="U202" s="14"/>
      <c r="V202" s="14"/>
      <c r="W202" s="14"/>
      <c r="X202" s="18"/>
      <c r="Y202" s="14"/>
      <c r="Z202" s="14"/>
      <c r="AA202" s="14"/>
      <c r="AB202" s="14"/>
      <c r="AC202" s="14"/>
      <c r="AD202" s="21"/>
    </row>
    <row r="203" spans="1:30" ht="24.95" customHeight="1" x14ac:dyDescent="0.4">
      <c r="A203" s="15">
        <v>199</v>
      </c>
      <c r="B203" s="16"/>
      <c r="C203" s="17"/>
      <c r="D203" s="16"/>
      <c r="E203" s="17"/>
      <c r="F203" s="18"/>
      <c r="G203" s="19"/>
      <c r="H203" s="19"/>
      <c r="I203" s="14"/>
      <c r="J203" s="14"/>
      <c r="K203" s="20"/>
      <c r="L203" s="20"/>
      <c r="M203" s="20"/>
      <c r="N203" s="20"/>
      <c r="O203" s="14"/>
      <c r="P203" s="21"/>
      <c r="Q203" s="14"/>
      <c r="R203" s="18"/>
      <c r="S203" s="14"/>
      <c r="T203" s="14"/>
      <c r="U203" s="14"/>
      <c r="V203" s="14"/>
      <c r="W203" s="14"/>
      <c r="X203" s="18"/>
      <c r="Y203" s="14"/>
      <c r="Z203" s="14"/>
      <c r="AA203" s="14"/>
      <c r="AB203" s="14"/>
      <c r="AC203" s="14"/>
      <c r="AD203" s="21"/>
    </row>
    <row r="204" spans="1:30" ht="24.95" customHeight="1" x14ac:dyDescent="0.4">
      <c r="A204" s="15">
        <v>200</v>
      </c>
      <c r="B204" s="16"/>
      <c r="C204" s="17"/>
      <c r="D204" s="16"/>
      <c r="E204" s="17"/>
      <c r="F204" s="18"/>
      <c r="G204" s="19"/>
      <c r="H204" s="19"/>
      <c r="I204" s="14"/>
      <c r="J204" s="14"/>
      <c r="K204" s="20"/>
      <c r="L204" s="20"/>
      <c r="M204" s="20"/>
      <c r="N204" s="20"/>
      <c r="O204" s="14"/>
      <c r="P204" s="21"/>
      <c r="Q204" s="14"/>
      <c r="R204" s="18"/>
      <c r="S204" s="14"/>
      <c r="T204" s="14"/>
      <c r="U204" s="14"/>
      <c r="V204" s="14"/>
      <c r="W204" s="14"/>
      <c r="X204" s="18"/>
      <c r="Y204" s="14"/>
      <c r="Z204" s="14"/>
      <c r="AA204" s="14"/>
      <c r="AB204" s="14"/>
      <c r="AC204" s="14"/>
      <c r="AD204" s="21"/>
    </row>
  </sheetData>
  <mergeCells count="10">
    <mergeCell ref="AP8:AP9"/>
    <mergeCell ref="AD3:AD4"/>
    <mergeCell ref="D4:E4"/>
    <mergeCell ref="X3:AC3"/>
    <mergeCell ref="A3:A4"/>
    <mergeCell ref="R3:W3"/>
    <mergeCell ref="B4:C4"/>
    <mergeCell ref="AP4:AP5"/>
    <mergeCell ref="AP6:AP7"/>
    <mergeCell ref="B3:Q3"/>
  </mergeCells>
  <phoneticPr fontId="2"/>
  <conditionalFormatting sqref="J6:L204 M5:AD204">
    <cfRule type="expression" dxfId="4" priority="5">
      <formula>$I5="希望しない"</formula>
    </cfRule>
  </conditionalFormatting>
  <conditionalFormatting sqref="J5:L5">
    <cfRule type="expression" dxfId="3" priority="4">
      <formula>$I5="希望しない"</formula>
    </cfRule>
  </conditionalFormatting>
  <conditionalFormatting sqref="N5:N204">
    <cfRule type="expression" dxfId="2" priority="1">
      <formula>$M5="○"</formula>
    </cfRule>
    <cfRule type="expression" dxfId="1" priority="3">
      <formula>$L5="○"</formula>
    </cfRule>
  </conditionalFormatting>
  <conditionalFormatting sqref="M5:M204">
    <cfRule type="expression" dxfId="0" priority="2">
      <formula>$L5="○"</formula>
    </cfRule>
  </conditionalFormatting>
  <dataValidations count="9">
    <dataValidation type="list" allowBlank="1" showInputMessage="1" showErrorMessage="1" sqref="L5:M204">
      <formula1>$AL$3:$AL$4</formula1>
    </dataValidation>
    <dataValidation type="list" allowBlank="1" showInputMessage="1" showErrorMessage="1" sqref="Z5:AB204 T5:V204">
      <formula1>$AN$3:$AN$4</formula1>
    </dataValidation>
    <dataValidation type="list" allowBlank="1" showInputMessage="1" showErrorMessage="1" sqref="Y5:Y204 S5:S204">
      <formula1>$AM$3</formula1>
    </dataValidation>
    <dataValidation type="list" allowBlank="1" showInputMessage="1" showErrorMessage="1" sqref="AC5:AC204 W5:W204">
      <formula1>$AL$3</formula1>
    </dataValidation>
    <dataValidation type="list" allowBlank="1" showInputMessage="1" showErrorMessage="1" sqref="I5:I204">
      <formula1>"希望する,希望しない"</formula1>
    </dataValidation>
    <dataValidation type="list" allowBlank="1" showInputMessage="1" showErrorMessage="1" sqref="J5:J204">
      <formula1>"本人,家族,嘱託医,かかりつけ医,協力医療機関,その他"</formula1>
    </dataValidation>
    <dataValidation type="list" allowBlank="1" showInputMessage="1" showErrorMessage="1" sqref="K5:K204">
      <formula1>"高齢者,基礎疾患,一般"</formula1>
    </dataValidation>
    <dataValidation type="list" allowBlank="1" showInputMessage="1" showErrorMessage="1" sqref="H5:H204">
      <formula1>"利用者,従事者"</formula1>
    </dataValidation>
    <dataValidation type="list" allowBlank="1" showInputMessage="1" showErrorMessage="1" sqref="O5:O204">
      <formula1>"名古屋市が設置する接種会場で接種,かかりつけ医、協力医療機関等で接種,嘱託医等による施設内接種が可能,接種医師を確保し巡回接種が可能,名古屋市による接種医の派遣調整を希望"</formula1>
    </dataValidation>
  </dataValidations>
  <pageMargins left="0.70866141732283472" right="0.70866141732283472" top="0.74803149606299213" bottom="0.74803149606299213" header="0.31496062992125984" footer="0.31496062992125984"/>
  <pageSetup paperSize="8" scale="41"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pageSetUpPr fitToPage="1"/>
  </sheetPr>
  <dimension ref="A1:AD204"/>
  <sheetViews>
    <sheetView view="pageBreakPreview" zoomScaleNormal="100" zoomScaleSheetLayoutView="100" workbookViewId="0">
      <selection activeCell="G5" sqref="G5"/>
    </sheetView>
  </sheetViews>
  <sheetFormatPr defaultColWidth="14.5" defaultRowHeight="30" customHeight="1" x14ac:dyDescent="0.4"/>
  <cols>
    <col min="1" max="1" width="7.625" style="42" customWidth="1"/>
    <col min="2" max="5" width="11.625" style="33" customWidth="1"/>
    <col min="6" max="6" width="20.625" style="43" customWidth="1"/>
    <col min="7" max="7" width="8.5" style="33" bestFit="1" customWidth="1"/>
    <col min="8" max="8" width="17.5" style="33" customWidth="1"/>
    <col min="9" max="9" width="19" style="30" bestFit="1" customWidth="1"/>
    <col min="10" max="10" width="22.75" style="33" bestFit="1" customWidth="1"/>
    <col min="11" max="11" width="10.625" style="34" bestFit="1" customWidth="1"/>
    <col min="12" max="13" width="12.375" style="34" customWidth="1"/>
    <col min="14" max="14" width="20.25" style="34" customWidth="1"/>
    <col min="15" max="15" width="36.125" style="33" bestFit="1" customWidth="1"/>
    <col min="16" max="16" width="20.5" style="33" customWidth="1"/>
    <col min="17" max="17" width="17.75" style="30" customWidth="1"/>
    <col min="18" max="18" width="18.625" style="30" customWidth="1"/>
    <col min="19" max="19" width="10.125" style="30" customWidth="1"/>
    <col min="20" max="20" width="9" style="30" bestFit="1" customWidth="1"/>
    <col min="21" max="21" width="13" style="30" bestFit="1" customWidth="1"/>
    <col min="22" max="22" width="9" style="30" bestFit="1" customWidth="1"/>
    <col min="23" max="23" width="13" style="30" bestFit="1" customWidth="1"/>
    <col min="24" max="24" width="17.375" style="30" bestFit="1" customWidth="1"/>
    <col min="25" max="25" width="10.125" style="30" customWidth="1"/>
    <col min="26" max="26" width="9" style="30" bestFit="1" customWidth="1"/>
    <col min="27" max="27" width="13" style="30" bestFit="1" customWidth="1"/>
    <col min="28" max="28" width="9" style="30" bestFit="1" customWidth="1"/>
    <col min="29" max="29" width="13" style="30" bestFit="1" customWidth="1"/>
    <col min="30" max="30" width="14.5" style="33"/>
    <col min="31" max="16384" width="14.5" style="35"/>
  </cols>
  <sheetData>
    <row r="1" spans="1:30" ht="39" customHeight="1" x14ac:dyDescent="0.4">
      <c r="A1" s="32" t="s">
        <v>5379</v>
      </c>
      <c r="F1" s="30"/>
    </row>
    <row r="2" spans="1:30" ht="14.25" x14ac:dyDescent="0.4">
      <c r="A2" s="32"/>
      <c r="F2" s="36">
        <v>44286</v>
      </c>
    </row>
    <row r="3" spans="1:30" ht="25.5" customHeight="1" x14ac:dyDescent="0.4">
      <c r="A3" s="70" t="s">
        <v>5305</v>
      </c>
      <c r="B3" s="67" t="s">
        <v>5385</v>
      </c>
      <c r="C3" s="80"/>
      <c r="D3" s="80"/>
      <c r="E3" s="80"/>
      <c r="F3" s="80"/>
      <c r="G3" s="80"/>
      <c r="H3" s="80"/>
      <c r="I3" s="80"/>
      <c r="J3" s="80"/>
      <c r="K3" s="80"/>
      <c r="L3" s="80"/>
      <c r="M3" s="80"/>
      <c r="N3" s="80"/>
      <c r="O3" s="80"/>
      <c r="P3" s="80"/>
      <c r="Q3" s="81"/>
      <c r="R3" s="72" t="s">
        <v>5313</v>
      </c>
      <c r="S3" s="73"/>
      <c r="T3" s="73"/>
      <c r="U3" s="73"/>
      <c r="V3" s="73"/>
      <c r="W3" s="73"/>
      <c r="X3" s="74" t="s">
        <v>5314</v>
      </c>
      <c r="Y3" s="74"/>
      <c r="Z3" s="74"/>
      <c r="AA3" s="74"/>
      <c r="AB3" s="74"/>
      <c r="AC3" s="74"/>
      <c r="AD3" s="75" t="s">
        <v>5319</v>
      </c>
    </row>
    <row r="4" spans="1:30" ht="57" customHeight="1" x14ac:dyDescent="0.4">
      <c r="A4" s="71"/>
      <c r="B4" s="77" t="s">
        <v>5346</v>
      </c>
      <c r="C4" s="78"/>
      <c r="D4" s="77" t="s">
        <v>5332</v>
      </c>
      <c r="E4" s="79"/>
      <c r="F4" s="37" t="s">
        <v>5330</v>
      </c>
      <c r="G4" s="37" t="s">
        <v>5345</v>
      </c>
      <c r="H4" s="37" t="s">
        <v>5377</v>
      </c>
      <c r="I4" s="37" t="s">
        <v>5347</v>
      </c>
      <c r="J4" s="37" t="s">
        <v>5348</v>
      </c>
      <c r="K4" s="38" t="s">
        <v>5349</v>
      </c>
      <c r="L4" s="38" t="s">
        <v>5386</v>
      </c>
      <c r="M4" s="38" t="s">
        <v>5353</v>
      </c>
      <c r="N4" s="38" t="s">
        <v>5370</v>
      </c>
      <c r="O4" s="37" t="s">
        <v>5366</v>
      </c>
      <c r="P4" s="37" t="s">
        <v>5368</v>
      </c>
      <c r="Q4" s="48" t="s">
        <v>5369</v>
      </c>
      <c r="R4" s="46" t="s">
        <v>5308</v>
      </c>
      <c r="S4" s="39" t="s">
        <v>5310</v>
      </c>
      <c r="T4" s="39" t="s">
        <v>5307</v>
      </c>
      <c r="U4" s="39" t="s">
        <v>5312</v>
      </c>
      <c r="V4" s="39" t="s">
        <v>5311</v>
      </c>
      <c r="W4" s="39" t="s">
        <v>5306</v>
      </c>
      <c r="X4" s="40" t="s">
        <v>5309</v>
      </c>
      <c r="Y4" s="40" t="s">
        <v>5310</v>
      </c>
      <c r="Z4" s="40" t="s">
        <v>5307</v>
      </c>
      <c r="AA4" s="40" t="s">
        <v>5312</v>
      </c>
      <c r="AB4" s="40" t="s">
        <v>5311</v>
      </c>
      <c r="AC4" s="40" t="s">
        <v>5306</v>
      </c>
      <c r="AD4" s="76"/>
    </row>
    <row r="5" spans="1:30" ht="30" customHeight="1" x14ac:dyDescent="0.4">
      <c r="A5" s="41">
        <v>1</v>
      </c>
      <c r="B5" s="24" t="s">
        <v>5380</v>
      </c>
      <c r="C5" s="45" t="s">
        <v>5356</v>
      </c>
      <c r="D5" s="24" t="s">
        <v>5381</v>
      </c>
      <c r="E5" s="45" t="s">
        <v>5357</v>
      </c>
      <c r="F5" s="26">
        <v>18472</v>
      </c>
      <c r="G5" s="27">
        <f>IF(F5="","",DATEDIF(F5,$F$2,"Y"))</f>
        <v>70</v>
      </c>
      <c r="H5" s="27" t="s">
        <v>5376</v>
      </c>
      <c r="I5" s="28" t="s">
        <v>5358</v>
      </c>
      <c r="J5" s="28" t="s">
        <v>5359</v>
      </c>
      <c r="K5" s="29" t="s">
        <v>5351</v>
      </c>
      <c r="L5" s="29" t="s">
        <v>5320</v>
      </c>
      <c r="M5" s="29" t="s">
        <v>5320</v>
      </c>
      <c r="N5" s="29" t="s">
        <v>5365</v>
      </c>
      <c r="O5" s="28" t="s">
        <v>5382</v>
      </c>
      <c r="P5" s="49" t="s">
        <v>5367</v>
      </c>
      <c r="Q5" s="50" t="s">
        <v>5384</v>
      </c>
      <c r="R5" s="47"/>
      <c r="S5" s="28" t="s">
        <v>5316</v>
      </c>
      <c r="T5" s="28" t="s">
        <v>5317</v>
      </c>
      <c r="U5" s="28" t="s">
        <v>5317</v>
      </c>
      <c r="V5" s="28" t="s">
        <v>5317</v>
      </c>
      <c r="W5" s="28" t="s">
        <v>5320</v>
      </c>
      <c r="X5" s="26"/>
      <c r="Y5" s="28" t="s">
        <v>5316</v>
      </c>
      <c r="Z5" s="28" t="s">
        <v>5317</v>
      </c>
      <c r="AA5" s="28" t="s">
        <v>5317</v>
      </c>
      <c r="AB5" s="28" t="s">
        <v>5317</v>
      </c>
      <c r="AC5" s="28" t="s">
        <v>5320</v>
      </c>
      <c r="AD5" s="31"/>
    </row>
    <row r="6" spans="1:30" ht="30" customHeight="1" x14ac:dyDescent="0.4">
      <c r="A6" s="41">
        <v>2</v>
      </c>
      <c r="B6" s="24"/>
      <c r="C6" s="45"/>
      <c r="D6" s="24"/>
      <c r="E6" s="45"/>
      <c r="F6" s="26"/>
      <c r="G6" s="27"/>
      <c r="H6" s="27"/>
      <c r="I6" s="28" t="s">
        <v>5350</v>
      </c>
      <c r="J6" s="28" t="s">
        <v>5360</v>
      </c>
      <c r="K6" s="29" t="s">
        <v>5352</v>
      </c>
      <c r="L6" s="29" t="s">
        <v>5321</v>
      </c>
      <c r="M6" s="29" t="s">
        <v>5321</v>
      </c>
      <c r="N6" s="29"/>
      <c r="O6" s="28" t="s">
        <v>5372</v>
      </c>
      <c r="P6" s="31"/>
      <c r="Q6" s="50"/>
      <c r="R6" s="47"/>
      <c r="S6" s="28"/>
      <c r="T6" s="28" t="s">
        <v>5318</v>
      </c>
      <c r="U6" s="28" t="s">
        <v>5318</v>
      </c>
      <c r="V6" s="28" t="s">
        <v>5318</v>
      </c>
      <c r="W6" s="28"/>
      <c r="X6" s="26"/>
      <c r="Y6" s="28"/>
      <c r="Z6" s="28" t="s">
        <v>5318</v>
      </c>
      <c r="AA6" s="28" t="s">
        <v>5318</v>
      </c>
      <c r="AB6" s="28" t="s">
        <v>5318</v>
      </c>
      <c r="AC6" s="28"/>
      <c r="AD6" s="31"/>
    </row>
    <row r="7" spans="1:30" ht="30" customHeight="1" x14ac:dyDescent="0.4">
      <c r="A7" s="41">
        <v>3</v>
      </c>
      <c r="B7" s="24"/>
      <c r="C7" s="45"/>
      <c r="D7" s="24"/>
      <c r="E7" s="45"/>
      <c r="F7" s="26"/>
      <c r="G7" s="27"/>
      <c r="H7" s="27"/>
      <c r="I7" s="28"/>
      <c r="J7" s="28" t="s">
        <v>5371</v>
      </c>
      <c r="K7" s="29" t="s">
        <v>5364</v>
      </c>
      <c r="L7" s="29"/>
      <c r="M7" s="29"/>
      <c r="N7" s="29"/>
      <c r="O7" s="28" t="s">
        <v>5374</v>
      </c>
      <c r="P7" s="31"/>
      <c r="Q7" s="50"/>
      <c r="R7" s="47"/>
      <c r="S7" s="28"/>
      <c r="T7" s="28"/>
      <c r="U7" s="28"/>
      <c r="V7" s="28"/>
      <c r="W7" s="28"/>
      <c r="X7" s="26"/>
      <c r="Y7" s="28"/>
      <c r="Z7" s="28"/>
      <c r="AA7" s="28"/>
      <c r="AB7" s="28"/>
      <c r="AC7" s="28"/>
      <c r="AD7" s="31"/>
    </row>
    <row r="8" spans="1:30" ht="30" customHeight="1" x14ac:dyDescent="0.4">
      <c r="A8" s="41">
        <v>4</v>
      </c>
      <c r="B8" s="24"/>
      <c r="C8" s="45"/>
      <c r="D8" s="24"/>
      <c r="E8" s="45"/>
      <c r="F8" s="26"/>
      <c r="G8" s="27" t="str">
        <f t="shared" ref="G8:G39" si="0">IF(F8="","",DATEDIF(F8,$F$2,"Y"))</f>
        <v/>
      </c>
      <c r="H8" s="27"/>
      <c r="I8" s="28"/>
      <c r="J8" s="28" t="s">
        <v>5361</v>
      </c>
      <c r="K8" s="29"/>
      <c r="L8" s="29"/>
      <c r="M8" s="29"/>
      <c r="N8" s="29"/>
      <c r="O8" s="28" t="s">
        <v>5373</v>
      </c>
      <c r="P8" s="31"/>
      <c r="Q8" s="50"/>
      <c r="R8" s="47"/>
      <c r="S8" s="28"/>
      <c r="T8" s="28"/>
      <c r="U8" s="28"/>
      <c r="V8" s="28"/>
      <c r="W8" s="28"/>
      <c r="X8" s="26"/>
      <c r="Y8" s="28"/>
      <c r="Z8" s="28"/>
      <c r="AA8" s="28"/>
      <c r="AB8" s="28"/>
      <c r="AC8" s="28"/>
      <c r="AD8" s="31"/>
    </row>
    <row r="9" spans="1:30" ht="30" customHeight="1" x14ac:dyDescent="0.4">
      <c r="A9" s="41">
        <v>5</v>
      </c>
      <c r="B9" s="24"/>
      <c r="C9" s="45"/>
      <c r="D9" s="24"/>
      <c r="E9" s="45"/>
      <c r="F9" s="26"/>
      <c r="G9" s="27" t="str">
        <f t="shared" si="0"/>
        <v/>
      </c>
      <c r="H9" s="27"/>
      <c r="I9" s="28"/>
      <c r="J9" s="28" t="s">
        <v>5362</v>
      </c>
      <c r="K9" s="29"/>
      <c r="L9" s="29"/>
      <c r="M9" s="29"/>
      <c r="N9" s="29"/>
      <c r="O9" s="28" t="s">
        <v>5383</v>
      </c>
      <c r="P9" s="31"/>
      <c r="Q9" s="50"/>
      <c r="R9" s="47"/>
      <c r="S9" s="28"/>
      <c r="T9" s="28"/>
      <c r="U9" s="28"/>
      <c r="V9" s="28"/>
      <c r="W9" s="28"/>
      <c r="X9" s="26"/>
      <c r="Y9" s="28"/>
      <c r="Z9" s="28"/>
      <c r="AA9" s="28"/>
      <c r="AB9" s="28"/>
      <c r="AC9" s="28"/>
      <c r="AD9" s="31"/>
    </row>
    <row r="10" spans="1:30" ht="30" customHeight="1" x14ac:dyDescent="0.4">
      <c r="A10" s="41">
        <v>6</v>
      </c>
      <c r="B10" s="24"/>
      <c r="C10" s="45"/>
      <c r="D10" s="24"/>
      <c r="E10" s="45"/>
      <c r="F10" s="26"/>
      <c r="G10" s="27" t="str">
        <f t="shared" si="0"/>
        <v/>
      </c>
      <c r="H10" s="27"/>
      <c r="I10" s="28"/>
      <c r="J10" s="28" t="s">
        <v>5363</v>
      </c>
      <c r="K10" s="29"/>
      <c r="L10" s="29"/>
      <c r="M10" s="29"/>
      <c r="N10" s="29"/>
      <c r="O10" s="28"/>
      <c r="P10" s="31"/>
      <c r="Q10" s="50"/>
      <c r="R10" s="47"/>
      <c r="S10" s="28"/>
      <c r="T10" s="28"/>
      <c r="U10" s="28"/>
      <c r="V10" s="28"/>
      <c r="W10" s="28"/>
      <c r="X10" s="26"/>
      <c r="Y10" s="28"/>
      <c r="Z10" s="28"/>
      <c r="AA10" s="28"/>
      <c r="AB10" s="28"/>
      <c r="AC10" s="28"/>
      <c r="AD10" s="31"/>
    </row>
    <row r="11" spans="1:30" ht="30" customHeight="1" x14ac:dyDescent="0.4">
      <c r="A11" s="41">
        <v>7</v>
      </c>
      <c r="B11" s="24"/>
      <c r="C11" s="45"/>
      <c r="D11" s="24"/>
      <c r="E11" s="45"/>
      <c r="F11" s="26"/>
      <c r="G11" s="27" t="str">
        <f t="shared" si="0"/>
        <v/>
      </c>
      <c r="H11" s="27"/>
      <c r="I11" s="28"/>
      <c r="J11" s="28"/>
      <c r="K11" s="29"/>
      <c r="L11" s="29"/>
      <c r="M11" s="29"/>
      <c r="N11" s="29"/>
      <c r="O11" s="28"/>
      <c r="P11" s="31"/>
      <c r="Q11" s="50"/>
      <c r="R11" s="47"/>
      <c r="S11" s="28"/>
      <c r="T11" s="28"/>
      <c r="U11" s="28"/>
      <c r="V11" s="28"/>
      <c r="W11" s="28"/>
      <c r="X11" s="26"/>
      <c r="Y11" s="28"/>
      <c r="Z11" s="28"/>
      <c r="AA11" s="28"/>
      <c r="AB11" s="28"/>
      <c r="AC11" s="28"/>
      <c r="AD11" s="31"/>
    </row>
    <row r="12" spans="1:30" ht="30" customHeight="1" x14ac:dyDescent="0.4">
      <c r="A12" s="41">
        <v>8</v>
      </c>
      <c r="B12" s="24"/>
      <c r="C12" s="45"/>
      <c r="D12" s="24"/>
      <c r="E12" s="45"/>
      <c r="F12" s="26"/>
      <c r="G12" s="27" t="str">
        <f t="shared" si="0"/>
        <v/>
      </c>
      <c r="H12" s="27"/>
      <c r="I12" s="28"/>
      <c r="J12" s="28"/>
      <c r="K12" s="29"/>
      <c r="L12" s="29"/>
      <c r="M12" s="29"/>
      <c r="N12" s="29"/>
      <c r="O12" s="28"/>
      <c r="P12" s="31"/>
      <c r="Q12" s="50"/>
      <c r="R12" s="47"/>
      <c r="S12" s="28"/>
      <c r="T12" s="28"/>
      <c r="U12" s="28"/>
      <c r="V12" s="28"/>
      <c r="W12" s="28"/>
      <c r="X12" s="26"/>
      <c r="Y12" s="28"/>
      <c r="Z12" s="28"/>
      <c r="AA12" s="28"/>
      <c r="AB12" s="28"/>
      <c r="AC12" s="28"/>
      <c r="AD12" s="31"/>
    </row>
    <row r="13" spans="1:30" ht="30" customHeight="1" x14ac:dyDescent="0.4">
      <c r="A13" s="41">
        <v>9</v>
      </c>
      <c r="B13" s="24"/>
      <c r="C13" s="45"/>
      <c r="D13" s="24"/>
      <c r="E13" s="45"/>
      <c r="F13" s="26"/>
      <c r="G13" s="27" t="str">
        <f t="shared" si="0"/>
        <v/>
      </c>
      <c r="H13" s="27"/>
      <c r="I13" s="28"/>
      <c r="J13" s="28"/>
      <c r="K13" s="29"/>
      <c r="L13" s="29"/>
      <c r="M13" s="29"/>
      <c r="N13" s="29"/>
      <c r="O13" s="28"/>
      <c r="P13" s="31"/>
      <c r="Q13" s="50"/>
      <c r="R13" s="47"/>
      <c r="S13" s="28"/>
      <c r="T13" s="28"/>
      <c r="U13" s="28"/>
      <c r="V13" s="28"/>
      <c r="W13" s="28"/>
      <c r="X13" s="26"/>
      <c r="Y13" s="28"/>
      <c r="Z13" s="28"/>
      <c r="AA13" s="28"/>
      <c r="AB13" s="28"/>
      <c r="AC13" s="28"/>
      <c r="AD13" s="31"/>
    </row>
    <row r="14" spans="1:30" ht="30" customHeight="1" x14ac:dyDescent="0.4">
      <c r="A14" s="41">
        <v>10</v>
      </c>
      <c r="B14" s="24"/>
      <c r="C14" s="45"/>
      <c r="D14" s="24"/>
      <c r="E14" s="45"/>
      <c r="F14" s="26"/>
      <c r="G14" s="27" t="str">
        <f t="shared" si="0"/>
        <v/>
      </c>
      <c r="H14" s="27"/>
      <c r="I14" s="28"/>
      <c r="J14" s="28"/>
      <c r="K14" s="29"/>
      <c r="L14" s="29"/>
      <c r="M14" s="29"/>
      <c r="N14" s="29"/>
      <c r="O14" s="28"/>
      <c r="P14" s="31"/>
      <c r="Q14" s="50"/>
      <c r="R14" s="47"/>
      <c r="S14" s="28"/>
      <c r="T14" s="28"/>
      <c r="U14" s="28"/>
      <c r="V14" s="28"/>
      <c r="W14" s="28"/>
      <c r="X14" s="26"/>
      <c r="Y14" s="28"/>
      <c r="Z14" s="28"/>
      <c r="AA14" s="28"/>
      <c r="AB14" s="28"/>
      <c r="AC14" s="28"/>
      <c r="AD14" s="31"/>
    </row>
    <row r="15" spans="1:30" ht="30" customHeight="1" x14ac:dyDescent="0.4">
      <c r="A15" s="41">
        <v>11</v>
      </c>
      <c r="B15" s="24"/>
      <c r="C15" s="45"/>
      <c r="D15" s="24"/>
      <c r="E15" s="45"/>
      <c r="F15" s="26"/>
      <c r="G15" s="27" t="str">
        <f t="shared" si="0"/>
        <v/>
      </c>
      <c r="H15" s="27"/>
      <c r="I15" s="28"/>
      <c r="J15" s="28"/>
      <c r="K15" s="29"/>
      <c r="L15" s="29"/>
      <c r="M15" s="29"/>
      <c r="N15" s="29"/>
      <c r="O15" s="28"/>
      <c r="P15" s="31"/>
      <c r="Q15" s="50"/>
      <c r="R15" s="47"/>
      <c r="S15" s="28"/>
      <c r="T15" s="28"/>
      <c r="U15" s="28"/>
      <c r="V15" s="28"/>
      <c r="W15" s="28"/>
      <c r="X15" s="26"/>
      <c r="Y15" s="28"/>
      <c r="Z15" s="28"/>
      <c r="AA15" s="28"/>
      <c r="AB15" s="28"/>
      <c r="AC15" s="28"/>
      <c r="AD15" s="31"/>
    </row>
    <row r="16" spans="1:30" ht="30" customHeight="1" x14ac:dyDescent="0.4">
      <c r="A16" s="41">
        <v>12</v>
      </c>
      <c r="B16" s="24"/>
      <c r="C16" s="45"/>
      <c r="D16" s="24"/>
      <c r="E16" s="45"/>
      <c r="F16" s="26"/>
      <c r="G16" s="27" t="str">
        <f t="shared" si="0"/>
        <v/>
      </c>
      <c r="H16" s="27"/>
      <c r="I16" s="28"/>
      <c r="J16" s="28"/>
      <c r="K16" s="29"/>
      <c r="L16" s="29"/>
      <c r="M16" s="29"/>
      <c r="N16" s="29"/>
      <c r="O16" s="28"/>
      <c r="P16" s="31"/>
      <c r="Q16" s="50"/>
      <c r="R16" s="47"/>
      <c r="S16" s="28"/>
      <c r="T16" s="28"/>
      <c r="U16" s="28"/>
      <c r="V16" s="28"/>
      <c r="W16" s="28"/>
      <c r="X16" s="26"/>
      <c r="Y16" s="28"/>
      <c r="Z16" s="28"/>
      <c r="AA16" s="28"/>
      <c r="AB16" s="28"/>
      <c r="AC16" s="28"/>
      <c r="AD16" s="31"/>
    </row>
    <row r="17" spans="1:30" ht="30" customHeight="1" x14ac:dyDescent="0.4">
      <c r="A17" s="41">
        <v>13</v>
      </c>
      <c r="B17" s="24"/>
      <c r="C17" s="45"/>
      <c r="D17" s="24"/>
      <c r="E17" s="45"/>
      <c r="F17" s="26"/>
      <c r="G17" s="27" t="str">
        <f t="shared" si="0"/>
        <v/>
      </c>
      <c r="H17" s="27"/>
      <c r="I17" s="28"/>
      <c r="J17" s="28"/>
      <c r="K17" s="29"/>
      <c r="L17" s="29"/>
      <c r="M17" s="29"/>
      <c r="N17" s="29"/>
      <c r="O17" s="28"/>
      <c r="P17" s="31"/>
      <c r="Q17" s="50"/>
      <c r="R17" s="47"/>
      <c r="S17" s="28"/>
      <c r="T17" s="28"/>
      <c r="U17" s="28"/>
      <c r="V17" s="28"/>
      <c r="W17" s="28"/>
      <c r="X17" s="26"/>
      <c r="Y17" s="28"/>
      <c r="Z17" s="28"/>
      <c r="AA17" s="28"/>
      <c r="AB17" s="28"/>
      <c r="AC17" s="28"/>
      <c r="AD17" s="31"/>
    </row>
    <row r="18" spans="1:30" ht="30" customHeight="1" x14ac:dyDescent="0.4">
      <c r="A18" s="41">
        <v>14</v>
      </c>
      <c r="B18" s="24"/>
      <c r="C18" s="45"/>
      <c r="D18" s="24"/>
      <c r="E18" s="45"/>
      <c r="F18" s="26"/>
      <c r="G18" s="27" t="str">
        <f t="shared" si="0"/>
        <v/>
      </c>
      <c r="H18" s="27"/>
      <c r="I18" s="28"/>
      <c r="J18" s="28"/>
      <c r="K18" s="29"/>
      <c r="L18" s="29"/>
      <c r="M18" s="29"/>
      <c r="N18" s="29"/>
      <c r="O18" s="28"/>
      <c r="P18" s="31"/>
      <c r="Q18" s="50"/>
      <c r="R18" s="47"/>
      <c r="S18" s="28"/>
      <c r="T18" s="28"/>
      <c r="U18" s="28"/>
      <c r="V18" s="28"/>
      <c r="W18" s="28"/>
      <c r="X18" s="26"/>
      <c r="Y18" s="28"/>
      <c r="Z18" s="28"/>
      <c r="AA18" s="28"/>
      <c r="AB18" s="28"/>
      <c r="AC18" s="28"/>
      <c r="AD18" s="31"/>
    </row>
    <row r="19" spans="1:30" ht="30" customHeight="1" x14ac:dyDescent="0.4">
      <c r="A19" s="41">
        <v>15</v>
      </c>
      <c r="B19" s="24"/>
      <c r="C19" s="45"/>
      <c r="D19" s="24"/>
      <c r="E19" s="45"/>
      <c r="F19" s="26"/>
      <c r="G19" s="27" t="str">
        <f t="shared" si="0"/>
        <v/>
      </c>
      <c r="H19" s="27"/>
      <c r="I19" s="28"/>
      <c r="J19" s="28"/>
      <c r="K19" s="29"/>
      <c r="L19" s="29"/>
      <c r="M19" s="29"/>
      <c r="N19" s="29"/>
      <c r="O19" s="28"/>
      <c r="P19" s="31"/>
      <c r="Q19" s="50"/>
      <c r="R19" s="47"/>
      <c r="S19" s="28"/>
      <c r="T19" s="28"/>
      <c r="U19" s="28"/>
      <c r="V19" s="28"/>
      <c r="W19" s="28"/>
      <c r="X19" s="26"/>
      <c r="Y19" s="28"/>
      <c r="Z19" s="28"/>
      <c r="AA19" s="28"/>
      <c r="AB19" s="28"/>
      <c r="AC19" s="28"/>
      <c r="AD19" s="31"/>
    </row>
    <row r="20" spans="1:30" ht="30" customHeight="1" x14ac:dyDescent="0.4">
      <c r="A20" s="41">
        <v>16</v>
      </c>
      <c r="B20" s="24"/>
      <c r="C20" s="45"/>
      <c r="D20" s="24"/>
      <c r="E20" s="45"/>
      <c r="F20" s="26"/>
      <c r="G20" s="27" t="str">
        <f t="shared" si="0"/>
        <v/>
      </c>
      <c r="H20" s="27"/>
      <c r="I20" s="28"/>
      <c r="J20" s="28"/>
      <c r="K20" s="29"/>
      <c r="L20" s="29"/>
      <c r="M20" s="29"/>
      <c r="N20" s="29"/>
      <c r="O20" s="28"/>
      <c r="P20" s="31"/>
      <c r="Q20" s="50"/>
      <c r="R20" s="47"/>
      <c r="S20" s="28"/>
      <c r="T20" s="28"/>
      <c r="U20" s="28"/>
      <c r="V20" s="28"/>
      <c r="W20" s="28"/>
      <c r="X20" s="26"/>
      <c r="Y20" s="28"/>
      <c r="Z20" s="28"/>
      <c r="AA20" s="28"/>
      <c r="AB20" s="28"/>
      <c r="AC20" s="28"/>
      <c r="AD20" s="31"/>
    </row>
    <row r="21" spans="1:30" ht="30" customHeight="1" x14ac:dyDescent="0.4">
      <c r="A21" s="41">
        <v>17</v>
      </c>
      <c r="B21" s="24"/>
      <c r="C21" s="45"/>
      <c r="D21" s="24"/>
      <c r="E21" s="45"/>
      <c r="F21" s="26"/>
      <c r="G21" s="27" t="str">
        <f t="shared" si="0"/>
        <v/>
      </c>
      <c r="H21" s="27"/>
      <c r="I21" s="28"/>
      <c r="J21" s="28"/>
      <c r="K21" s="29"/>
      <c r="L21" s="29"/>
      <c r="M21" s="29"/>
      <c r="N21" s="29"/>
      <c r="O21" s="28"/>
      <c r="P21" s="31"/>
      <c r="Q21" s="50"/>
      <c r="R21" s="47"/>
      <c r="S21" s="28"/>
      <c r="T21" s="28"/>
      <c r="U21" s="28"/>
      <c r="V21" s="28"/>
      <c r="W21" s="28"/>
      <c r="X21" s="26"/>
      <c r="Y21" s="28"/>
      <c r="Z21" s="28"/>
      <c r="AA21" s="28"/>
      <c r="AB21" s="28"/>
      <c r="AC21" s="28"/>
      <c r="AD21" s="31"/>
    </row>
    <row r="22" spans="1:30" ht="30" customHeight="1" x14ac:dyDescent="0.4">
      <c r="A22" s="41">
        <v>18</v>
      </c>
      <c r="B22" s="24"/>
      <c r="C22" s="45"/>
      <c r="D22" s="24"/>
      <c r="E22" s="45"/>
      <c r="F22" s="26"/>
      <c r="G22" s="27" t="str">
        <f t="shared" si="0"/>
        <v/>
      </c>
      <c r="H22" s="27"/>
      <c r="I22" s="28"/>
      <c r="J22" s="28"/>
      <c r="K22" s="29"/>
      <c r="L22" s="29"/>
      <c r="M22" s="29"/>
      <c r="N22" s="29"/>
      <c r="O22" s="28"/>
      <c r="P22" s="31"/>
      <c r="Q22" s="50"/>
      <c r="R22" s="47"/>
      <c r="S22" s="28"/>
      <c r="T22" s="28"/>
      <c r="U22" s="28"/>
      <c r="V22" s="28"/>
      <c r="W22" s="28"/>
      <c r="X22" s="26"/>
      <c r="Y22" s="28"/>
      <c r="Z22" s="28"/>
      <c r="AA22" s="28"/>
      <c r="AB22" s="28"/>
      <c r="AC22" s="28"/>
      <c r="AD22" s="31"/>
    </row>
    <row r="23" spans="1:30" ht="30" customHeight="1" x14ac:dyDescent="0.4">
      <c r="A23" s="41">
        <v>19</v>
      </c>
      <c r="B23" s="24"/>
      <c r="C23" s="45"/>
      <c r="D23" s="24"/>
      <c r="E23" s="45"/>
      <c r="F23" s="26"/>
      <c r="G23" s="27" t="str">
        <f t="shared" si="0"/>
        <v/>
      </c>
      <c r="H23" s="27"/>
      <c r="I23" s="28"/>
      <c r="J23" s="28"/>
      <c r="K23" s="29"/>
      <c r="L23" s="29"/>
      <c r="M23" s="29"/>
      <c r="N23" s="29"/>
      <c r="O23" s="28"/>
      <c r="P23" s="31"/>
      <c r="Q23" s="50"/>
      <c r="R23" s="47"/>
      <c r="S23" s="28"/>
      <c r="T23" s="28"/>
      <c r="U23" s="28"/>
      <c r="V23" s="28"/>
      <c r="W23" s="28"/>
      <c r="X23" s="26"/>
      <c r="Y23" s="28"/>
      <c r="Z23" s="28"/>
      <c r="AA23" s="28"/>
      <c r="AB23" s="28"/>
      <c r="AC23" s="28"/>
      <c r="AD23" s="31"/>
    </row>
    <row r="24" spans="1:30" ht="30" customHeight="1" x14ac:dyDescent="0.4">
      <c r="A24" s="41">
        <v>20</v>
      </c>
      <c r="B24" s="24"/>
      <c r="C24" s="45"/>
      <c r="D24" s="24"/>
      <c r="E24" s="45"/>
      <c r="F24" s="26"/>
      <c r="G24" s="27" t="str">
        <f t="shared" si="0"/>
        <v/>
      </c>
      <c r="H24" s="27"/>
      <c r="I24" s="28"/>
      <c r="J24" s="28"/>
      <c r="K24" s="29"/>
      <c r="L24" s="29"/>
      <c r="M24" s="29"/>
      <c r="N24" s="29"/>
      <c r="O24" s="28"/>
      <c r="P24" s="31"/>
      <c r="Q24" s="50"/>
      <c r="R24" s="47"/>
      <c r="S24" s="28"/>
      <c r="T24" s="28"/>
      <c r="U24" s="28"/>
      <c r="V24" s="28"/>
      <c r="W24" s="28"/>
      <c r="X24" s="26"/>
      <c r="Y24" s="28"/>
      <c r="Z24" s="28"/>
      <c r="AA24" s="28"/>
      <c r="AB24" s="28"/>
      <c r="AC24" s="28"/>
      <c r="AD24" s="31"/>
    </row>
    <row r="25" spans="1:30" ht="30" customHeight="1" x14ac:dyDescent="0.4">
      <c r="A25" s="41">
        <v>21</v>
      </c>
      <c r="B25" s="24"/>
      <c r="C25" s="45"/>
      <c r="D25" s="24"/>
      <c r="E25" s="45"/>
      <c r="F25" s="26"/>
      <c r="G25" s="27" t="str">
        <f t="shared" si="0"/>
        <v/>
      </c>
      <c r="H25" s="27"/>
      <c r="I25" s="28"/>
      <c r="J25" s="28"/>
      <c r="K25" s="29"/>
      <c r="L25" s="29"/>
      <c r="M25" s="29"/>
      <c r="N25" s="29"/>
      <c r="O25" s="28"/>
      <c r="P25" s="31"/>
      <c r="Q25" s="50"/>
      <c r="R25" s="47"/>
      <c r="S25" s="28"/>
      <c r="T25" s="28"/>
      <c r="U25" s="28"/>
      <c r="V25" s="28"/>
      <c r="W25" s="28"/>
      <c r="X25" s="26"/>
      <c r="Y25" s="28"/>
      <c r="Z25" s="28"/>
      <c r="AA25" s="28"/>
      <c r="AB25" s="28"/>
      <c r="AC25" s="28"/>
      <c r="AD25" s="31"/>
    </row>
    <row r="26" spans="1:30" ht="30" customHeight="1" x14ac:dyDescent="0.4">
      <c r="A26" s="41">
        <v>22</v>
      </c>
      <c r="B26" s="24"/>
      <c r="C26" s="45"/>
      <c r="D26" s="24"/>
      <c r="E26" s="45"/>
      <c r="F26" s="26"/>
      <c r="G26" s="27" t="str">
        <f t="shared" si="0"/>
        <v/>
      </c>
      <c r="H26" s="27"/>
      <c r="I26" s="28"/>
      <c r="J26" s="28"/>
      <c r="K26" s="29"/>
      <c r="L26" s="29"/>
      <c r="M26" s="29"/>
      <c r="N26" s="29"/>
      <c r="O26" s="28"/>
      <c r="P26" s="31"/>
      <c r="Q26" s="50"/>
      <c r="R26" s="47"/>
      <c r="S26" s="28"/>
      <c r="T26" s="28"/>
      <c r="U26" s="28"/>
      <c r="V26" s="28"/>
      <c r="W26" s="28"/>
      <c r="X26" s="26"/>
      <c r="Y26" s="28"/>
      <c r="Z26" s="28"/>
      <c r="AA26" s="28"/>
      <c r="AB26" s="28"/>
      <c r="AC26" s="28"/>
      <c r="AD26" s="31"/>
    </row>
    <row r="27" spans="1:30" ht="30" customHeight="1" x14ac:dyDescent="0.4">
      <c r="A27" s="41">
        <v>23</v>
      </c>
      <c r="B27" s="24"/>
      <c r="C27" s="45"/>
      <c r="D27" s="24"/>
      <c r="E27" s="45"/>
      <c r="F27" s="26"/>
      <c r="G27" s="27" t="str">
        <f t="shared" si="0"/>
        <v/>
      </c>
      <c r="H27" s="27"/>
      <c r="I27" s="28"/>
      <c r="J27" s="28"/>
      <c r="K27" s="29"/>
      <c r="L27" s="29"/>
      <c r="M27" s="29"/>
      <c r="N27" s="29"/>
      <c r="O27" s="28"/>
      <c r="P27" s="31"/>
      <c r="Q27" s="50"/>
      <c r="R27" s="47"/>
      <c r="S27" s="28"/>
      <c r="T27" s="28"/>
      <c r="U27" s="28"/>
      <c r="V27" s="28"/>
      <c r="W27" s="28"/>
      <c r="X27" s="26"/>
      <c r="Y27" s="28"/>
      <c r="Z27" s="28"/>
      <c r="AA27" s="28"/>
      <c r="AB27" s="28"/>
      <c r="AC27" s="28"/>
      <c r="AD27" s="31"/>
    </row>
    <row r="28" spans="1:30" ht="30" customHeight="1" x14ac:dyDescent="0.4">
      <c r="A28" s="41">
        <v>24</v>
      </c>
      <c r="B28" s="24"/>
      <c r="C28" s="45"/>
      <c r="D28" s="24"/>
      <c r="E28" s="45"/>
      <c r="F28" s="26"/>
      <c r="G28" s="27" t="str">
        <f t="shared" si="0"/>
        <v/>
      </c>
      <c r="H28" s="27"/>
      <c r="I28" s="28"/>
      <c r="J28" s="28"/>
      <c r="K28" s="29"/>
      <c r="L28" s="29"/>
      <c r="M28" s="29"/>
      <c r="N28" s="29"/>
      <c r="O28" s="28"/>
      <c r="P28" s="31"/>
      <c r="Q28" s="50"/>
      <c r="R28" s="47"/>
      <c r="S28" s="28"/>
      <c r="T28" s="28"/>
      <c r="U28" s="28"/>
      <c r="V28" s="28"/>
      <c r="W28" s="28"/>
      <c r="X28" s="26"/>
      <c r="Y28" s="28"/>
      <c r="Z28" s="28"/>
      <c r="AA28" s="28"/>
      <c r="AB28" s="28"/>
      <c r="AC28" s="28"/>
      <c r="AD28" s="31"/>
    </row>
    <row r="29" spans="1:30" ht="30" customHeight="1" x14ac:dyDescent="0.4">
      <c r="A29" s="41">
        <v>25</v>
      </c>
      <c r="B29" s="24"/>
      <c r="C29" s="45"/>
      <c r="D29" s="24"/>
      <c r="E29" s="45"/>
      <c r="F29" s="26"/>
      <c r="G29" s="27" t="str">
        <f t="shared" si="0"/>
        <v/>
      </c>
      <c r="H29" s="27"/>
      <c r="I29" s="28"/>
      <c r="J29" s="28"/>
      <c r="K29" s="29"/>
      <c r="L29" s="29"/>
      <c r="M29" s="29"/>
      <c r="N29" s="29"/>
      <c r="O29" s="28"/>
      <c r="P29" s="31"/>
      <c r="Q29" s="50"/>
      <c r="R29" s="47"/>
      <c r="S29" s="28"/>
      <c r="T29" s="28"/>
      <c r="U29" s="28"/>
      <c r="V29" s="28"/>
      <c r="W29" s="28"/>
      <c r="X29" s="26"/>
      <c r="Y29" s="28"/>
      <c r="Z29" s="28"/>
      <c r="AA29" s="28"/>
      <c r="AB29" s="28"/>
      <c r="AC29" s="28"/>
      <c r="AD29" s="31"/>
    </row>
    <row r="30" spans="1:30" ht="30" customHeight="1" x14ac:dyDescent="0.4">
      <c r="A30" s="41">
        <v>26</v>
      </c>
      <c r="B30" s="24"/>
      <c r="C30" s="45"/>
      <c r="D30" s="24"/>
      <c r="E30" s="45"/>
      <c r="F30" s="26"/>
      <c r="G30" s="27" t="str">
        <f t="shared" si="0"/>
        <v/>
      </c>
      <c r="H30" s="27"/>
      <c r="I30" s="28"/>
      <c r="J30" s="28"/>
      <c r="K30" s="29"/>
      <c r="L30" s="29"/>
      <c r="M30" s="29"/>
      <c r="N30" s="29"/>
      <c r="O30" s="28"/>
      <c r="P30" s="31"/>
      <c r="Q30" s="50"/>
      <c r="R30" s="47"/>
      <c r="S30" s="28"/>
      <c r="T30" s="28"/>
      <c r="U30" s="28"/>
      <c r="V30" s="28"/>
      <c r="W30" s="28"/>
      <c r="X30" s="26"/>
      <c r="Y30" s="28"/>
      <c r="Z30" s="28"/>
      <c r="AA30" s="28"/>
      <c r="AB30" s="28"/>
      <c r="AC30" s="28"/>
      <c r="AD30" s="31"/>
    </row>
    <row r="31" spans="1:30" ht="30" customHeight="1" x14ac:dyDescent="0.4">
      <c r="A31" s="41">
        <v>27</v>
      </c>
      <c r="B31" s="24"/>
      <c r="C31" s="45"/>
      <c r="D31" s="24"/>
      <c r="E31" s="45"/>
      <c r="F31" s="26"/>
      <c r="G31" s="27" t="str">
        <f t="shared" si="0"/>
        <v/>
      </c>
      <c r="H31" s="27"/>
      <c r="I31" s="28"/>
      <c r="J31" s="28"/>
      <c r="K31" s="29"/>
      <c r="L31" s="29"/>
      <c r="M31" s="29"/>
      <c r="N31" s="29"/>
      <c r="O31" s="28"/>
      <c r="P31" s="31"/>
      <c r="Q31" s="50"/>
      <c r="R31" s="47"/>
      <c r="S31" s="28"/>
      <c r="T31" s="28"/>
      <c r="U31" s="28"/>
      <c r="V31" s="28"/>
      <c r="W31" s="28"/>
      <c r="X31" s="26"/>
      <c r="Y31" s="28"/>
      <c r="Z31" s="28"/>
      <c r="AA31" s="28"/>
      <c r="AB31" s="28"/>
      <c r="AC31" s="28"/>
      <c r="AD31" s="31"/>
    </row>
    <row r="32" spans="1:30" ht="30" customHeight="1" x14ac:dyDescent="0.4">
      <c r="A32" s="41">
        <v>28</v>
      </c>
      <c r="B32" s="24"/>
      <c r="C32" s="45"/>
      <c r="D32" s="24"/>
      <c r="E32" s="45"/>
      <c r="F32" s="26"/>
      <c r="G32" s="27" t="str">
        <f t="shared" si="0"/>
        <v/>
      </c>
      <c r="H32" s="27"/>
      <c r="I32" s="28"/>
      <c r="J32" s="28"/>
      <c r="K32" s="29"/>
      <c r="L32" s="29"/>
      <c r="M32" s="29"/>
      <c r="N32" s="29"/>
      <c r="O32" s="28"/>
      <c r="P32" s="31"/>
      <c r="Q32" s="50"/>
      <c r="R32" s="47"/>
      <c r="S32" s="28"/>
      <c r="T32" s="28"/>
      <c r="U32" s="28"/>
      <c r="V32" s="28"/>
      <c r="W32" s="28"/>
      <c r="X32" s="26"/>
      <c r="Y32" s="28"/>
      <c r="Z32" s="28"/>
      <c r="AA32" s="28"/>
      <c r="AB32" s="28"/>
      <c r="AC32" s="28"/>
      <c r="AD32" s="31"/>
    </row>
    <row r="33" spans="1:30" ht="30" customHeight="1" x14ac:dyDescent="0.4">
      <c r="A33" s="41">
        <v>29</v>
      </c>
      <c r="B33" s="24"/>
      <c r="C33" s="45"/>
      <c r="D33" s="24"/>
      <c r="E33" s="45"/>
      <c r="F33" s="26"/>
      <c r="G33" s="27" t="str">
        <f t="shared" si="0"/>
        <v/>
      </c>
      <c r="H33" s="27"/>
      <c r="I33" s="28"/>
      <c r="J33" s="28"/>
      <c r="K33" s="29"/>
      <c r="L33" s="29"/>
      <c r="M33" s="29"/>
      <c r="N33" s="29"/>
      <c r="O33" s="28"/>
      <c r="P33" s="31"/>
      <c r="Q33" s="50"/>
      <c r="R33" s="47"/>
      <c r="S33" s="28"/>
      <c r="T33" s="28"/>
      <c r="U33" s="28"/>
      <c r="V33" s="28"/>
      <c r="W33" s="28"/>
      <c r="X33" s="26"/>
      <c r="Y33" s="28"/>
      <c r="Z33" s="28"/>
      <c r="AA33" s="28"/>
      <c r="AB33" s="28"/>
      <c r="AC33" s="28"/>
      <c r="AD33" s="31"/>
    </row>
    <row r="34" spans="1:30" ht="30" customHeight="1" x14ac:dyDescent="0.4">
      <c r="A34" s="41">
        <v>30</v>
      </c>
      <c r="B34" s="24"/>
      <c r="C34" s="45"/>
      <c r="D34" s="24"/>
      <c r="E34" s="45"/>
      <c r="F34" s="26"/>
      <c r="G34" s="27" t="str">
        <f t="shared" si="0"/>
        <v/>
      </c>
      <c r="H34" s="27"/>
      <c r="I34" s="28"/>
      <c r="J34" s="28"/>
      <c r="K34" s="29"/>
      <c r="L34" s="29"/>
      <c r="M34" s="29"/>
      <c r="N34" s="29"/>
      <c r="O34" s="28"/>
      <c r="P34" s="31"/>
      <c r="Q34" s="50"/>
      <c r="R34" s="47"/>
      <c r="S34" s="28"/>
      <c r="T34" s="28"/>
      <c r="U34" s="28"/>
      <c r="V34" s="28"/>
      <c r="W34" s="28"/>
      <c r="X34" s="26"/>
      <c r="Y34" s="28"/>
      <c r="Z34" s="28"/>
      <c r="AA34" s="28"/>
      <c r="AB34" s="28"/>
      <c r="AC34" s="28"/>
      <c r="AD34" s="31"/>
    </row>
    <row r="35" spans="1:30" ht="30" customHeight="1" x14ac:dyDescent="0.4">
      <c r="A35" s="41">
        <v>31</v>
      </c>
      <c r="B35" s="24"/>
      <c r="C35" s="25"/>
      <c r="D35" s="24"/>
      <c r="E35" s="25"/>
      <c r="F35" s="26"/>
      <c r="G35" s="27" t="str">
        <f t="shared" si="0"/>
        <v/>
      </c>
      <c r="H35" s="27"/>
      <c r="I35" s="28"/>
      <c r="J35" s="28"/>
      <c r="K35" s="29"/>
      <c r="L35" s="29"/>
      <c r="M35" s="29"/>
      <c r="N35" s="29"/>
      <c r="O35" s="28"/>
      <c r="P35" s="31"/>
      <c r="Q35" s="28"/>
      <c r="R35" s="26"/>
      <c r="S35" s="28"/>
      <c r="T35" s="28"/>
      <c r="U35" s="28"/>
      <c r="V35" s="28"/>
      <c r="W35" s="28"/>
      <c r="X35" s="26"/>
      <c r="Y35" s="28"/>
      <c r="Z35" s="28"/>
      <c r="AA35" s="28"/>
      <c r="AB35" s="28"/>
      <c r="AC35" s="28"/>
      <c r="AD35" s="31"/>
    </row>
    <row r="36" spans="1:30" ht="30" customHeight="1" x14ac:dyDescent="0.4">
      <c r="A36" s="41">
        <v>32</v>
      </c>
      <c r="B36" s="24"/>
      <c r="C36" s="25"/>
      <c r="D36" s="24"/>
      <c r="E36" s="25"/>
      <c r="F36" s="26"/>
      <c r="G36" s="27" t="str">
        <f t="shared" si="0"/>
        <v/>
      </c>
      <c r="H36" s="27"/>
      <c r="I36" s="28"/>
      <c r="J36" s="28"/>
      <c r="K36" s="29"/>
      <c r="L36" s="29"/>
      <c r="M36" s="29"/>
      <c r="N36" s="29"/>
      <c r="O36" s="28"/>
      <c r="P36" s="31"/>
      <c r="Q36" s="28"/>
      <c r="R36" s="26"/>
      <c r="S36" s="28"/>
      <c r="T36" s="28"/>
      <c r="U36" s="28"/>
      <c r="V36" s="28"/>
      <c r="W36" s="28"/>
      <c r="X36" s="26"/>
      <c r="Y36" s="28"/>
      <c r="Z36" s="28"/>
      <c r="AA36" s="28"/>
      <c r="AB36" s="28"/>
      <c r="AC36" s="28"/>
      <c r="AD36" s="31"/>
    </row>
    <row r="37" spans="1:30" ht="30" customHeight="1" x14ac:dyDescent="0.4">
      <c r="A37" s="41">
        <v>33</v>
      </c>
      <c r="B37" s="24"/>
      <c r="C37" s="25"/>
      <c r="D37" s="24"/>
      <c r="E37" s="25"/>
      <c r="F37" s="26"/>
      <c r="G37" s="27" t="str">
        <f t="shared" si="0"/>
        <v/>
      </c>
      <c r="H37" s="27"/>
      <c r="I37" s="28"/>
      <c r="J37" s="28"/>
      <c r="K37" s="29"/>
      <c r="L37" s="29"/>
      <c r="M37" s="29"/>
      <c r="N37" s="29"/>
      <c r="O37" s="28"/>
      <c r="P37" s="31"/>
      <c r="Q37" s="28"/>
      <c r="R37" s="26"/>
      <c r="S37" s="28"/>
      <c r="T37" s="28"/>
      <c r="U37" s="28"/>
      <c r="V37" s="28"/>
      <c r="W37" s="28"/>
      <c r="X37" s="26"/>
      <c r="Y37" s="28"/>
      <c r="Z37" s="28"/>
      <c r="AA37" s="28"/>
      <c r="AB37" s="28"/>
      <c r="AC37" s="28"/>
      <c r="AD37" s="31"/>
    </row>
    <row r="38" spans="1:30" ht="30" customHeight="1" x14ac:dyDescent="0.4">
      <c r="A38" s="41">
        <v>34</v>
      </c>
      <c r="B38" s="24"/>
      <c r="C38" s="25"/>
      <c r="D38" s="24"/>
      <c r="E38" s="25"/>
      <c r="F38" s="26"/>
      <c r="G38" s="27" t="str">
        <f t="shared" si="0"/>
        <v/>
      </c>
      <c r="H38" s="27"/>
      <c r="I38" s="28"/>
      <c r="J38" s="28"/>
      <c r="K38" s="29"/>
      <c r="L38" s="29"/>
      <c r="M38" s="29"/>
      <c r="N38" s="29"/>
      <c r="O38" s="28"/>
      <c r="P38" s="31"/>
      <c r="Q38" s="28"/>
      <c r="R38" s="26"/>
      <c r="S38" s="28"/>
      <c r="T38" s="28"/>
      <c r="U38" s="28"/>
      <c r="V38" s="28"/>
      <c r="W38" s="28"/>
      <c r="X38" s="26"/>
      <c r="Y38" s="28"/>
      <c r="Z38" s="28"/>
      <c r="AA38" s="28"/>
      <c r="AB38" s="28"/>
      <c r="AC38" s="28"/>
      <c r="AD38" s="31"/>
    </row>
    <row r="39" spans="1:30" ht="30" customHeight="1" x14ac:dyDescent="0.4">
      <c r="A39" s="41">
        <v>35</v>
      </c>
      <c r="B39" s="24"/>
      <c r="C39" s="25"/>
      <c r="D39" s="24"/>
      <c r="E39" s="25"/>
      <c r="F39" s="26"/>
      <c r="G39" s="27" t="str">
        <f t="shared" si="0"/>
        <v/>
      </c>
      <c r="H39" s="27"/>
      <c r="I39" s="28"/>
      <c r="J39" s="28"/>
      <c r="K39" s="29"/>
      <c r="L39" s="29"/>
      <c r="M39" s="29"/>
      <c r="N39" s="29"/>
      <c r="O39" s="28"/>
      <c r="P39" s="31"/>
      <c r="Q39" s="28"/>
      <c r="R39" s="26"/>
      <c r="S39" s="28"/>
      <c r="T39" s="28"/>
      <c r="U39" s="28"/>
      <c r="V39" s="28"/>
      <c r="W39" s="28"/>
      <c r="X39" s="26"/>
      <c r="Y39" s="28"/>
      <c r="Z39" s="28"/>
      <c r="AA39" s="28"/>
      <c r="AB39" s="28"/>
      <c r="AC39" s="28"/>
      <c r="AD39" s="31"/>
    </row>
    <row r="40" spans="1:30" ht="30" customHeight="1" x14ac:dyDescent="0.4">
      <c r="A40" s="41">
        <v>36</v>
      </c>
      <c r="B40" s="24"/>
      <c r="C40" s="25"/>
      <c r="D40" s="24"/>
      <c r="E40" s="25"/>
      <c r="F40" s="26"/>
      <c r="G40" s="27" t="str">
        <f t="shared" ref="G40:G71" si="1">IF(F40="","",DATEDIF(F40,$F$2,"Y"))</f>
        <v/>
      </c>
      <c r="H40" s="27"/>
      <c r="I40" s="28"/>
      <c r="J40" s="28"/>
      <c r="K40" s="29"/>
      <c r="L40" s="29"/>
      <c r="M40" s="29"/>
      <c r="N40" s="29"/>
      <c r="O40" s="28"/>
      <c r="P40" s="31"/>
      <c r="Q40" s="28"/>
      <c r="R40" s="26"/>
      <c r="S40" s="28"/>
      <c r="T40" s="28"/>
      <c r="U40" s="28"/>
      <c r="V40" s="28"/>
      <c r="W40" s="28"/>
      <c r="X40" s="26"/>
      <c r="Y40" s="28"/>
      <c r="Z40" s="28"/>
      <c r="AA40" s="28"/>
      <c r="AB40" s="28"/>
      <c r="AC40" s="28"/>
      <c r="AD40" s="31"/>
    </row>
    <row r="41" spans="1:30" ht="30" customHeight="1" x14ac:dyDescent="0.4">
      <c r="A41" s="41">
        <v>37</v>
      </c>
      <c r="B41" s="24"/>
      <c r="C41" s="25"/>
      <c r="D41" s="24"/>
      <c r="E41" s="25"/>
      <c r="F41" s="26"/>
      <c r="G41" s="27" t="str">
        <f t="shared" si="1"/>
        <v/>
      </c>
      <c r="H41" s="27"/>
      <c r="I41" s="28"/>
      <c r="J41" s="28"/>
      <c r="K41" s="29"/>
      <c r="L41" s="29"/>
      <c r="M41" s="29"/>
      <c r="N41" s="29"/>
      <c r="O41" s="28"/>
      <c r="P41" s="31"/>
      <c r="Q41" s="28"/>
      <c r="R41" s="26"/>
      <c r="S41" s="28"/>
      <c r="T41" s="28"/>
      <c r="U41" s="28"/>
      <c r="V41" s="28"/>
      <c r="W41" s="28"/>
      <c r="X41" s="26"/>
      <c r="Y41" s="28"/>
      <c r="Z41" s="28"/>
      <c r="AA41" s="28"/>
      <c r="AB41" s="28"/>
      <c r="AC41" s="28"/>
      <c r="AD41" s="31"/>
    </row>
    <row r="42" spans="1:30" ht="30" customHeight="1" x14ac:dyDescent="0.4">
      <c r="A42" s="41">
        <v>38</v>
      </c>
      <c r="B42" s="24"/>
      <c r="C42" s="25"/>
      <c r="D42" s="24"/>
      <c r="E42" s="25"/>
      <c r="F42" s="26"/>
      <c r="G42" s="27" t="str">
        <f t="shared" si="1"/>
        <v/>
      </c>
      <c r="H42" s="27"/>
      <c r="I42" s="28"/>
      <c r="J42" s="28"/>
      <c r="K42" s="29"/>
      <c r="L42" s="29"/>
      <c r="M42" s="29"/>
      <c r="N42" s="29"/>
      <c r="O42" s="28"/>
      <c r="P42" s="31"/>
      <c r="Q42" s="28"/>
      <c r="R42" s="26"/>
      <c r="S42" s="28"/>
      <c r="T42" s="28"/>
      <c r="U42" s="28"/>
      <c r="V42" s="28"/>
      <c r="W42" s="28"/>
      <c r="X42" s="26"/>
      <c r="Y42" s="28"/>
      <c r="Z42" s="28"/>
      <c r="AA42" s="28"/>
      <c r="AB42" s="28"/>
      <c r="AC42" s="28"/>
      <c r="AD42" s="31"/>
    </row>
    <row r="43" spans="1:30" ht="30" customHeight="1" x14ac:dyDescent="0.4">
      <c r="A43" s="41">
        <v>39</v>
      </c>
      <c r="B43" s="24"/>
      <c r="C43" s="25"/>
      <c r="D43" s="24"/>
      <c r="E43" s="25"/>
      <c r="F43" s="26"/>
      <c r="G43" s="27" t="str">
        <f t="shared" si="1"/>
        <v/>
      </c>
      <c r="H43" s="27"/>
      <c r="I43" s="28"/>
      <c r="J43" s="28"/>
      <c r="K43" s="29"/>
      <c r="L43" s="29"/>
      <c r="M43" s="29"/>
      <c r="N43" s="29"/>
      <c r="O43" s="28"/>
      <c r="P43" s="31"/>
      <c r="Q43" s="28"/>
      <c r="R43" s="26"/>
      <c r="S43" s="28"/>
      <c r="T43" s="28"/>
      <c r="U43" s="28"/>
      <c r="V43" s="28"/>
      <c r="W43" s="28"/>
      <c r="X43" s="26"/>
      <c r="Y43" s="28"/>
      <c r="Z43" s="28"/>
      <c r="AA43" s="28"/>
      <c r="AB43" s="28"/>
      <c r="AC43" s="28"/>
      <c r="AD43" s="31"/>
    </row>
    <row r="44" spans="1:30" ht="30" customHeight="1" x14ac:dyDescent="0.4">
      <c r="A44" s="41">
        <v>40</v>
      </c>
      <c r="B44" s="24"/>
      <c r="C44" s="25"/>
      <c r="D44" s="24"/>
      <c r="E44" s="25"/>
      <c r="F44" s="26"/>
      <c r="G44" s="27" t="str">
        <f t="shared" si="1"/>
        <v/>
      </c>
      <c r="H44" s="27"/>
      <c r="I44" s="28"/>
      <c r="J44" s="28"/>
      <c r="K44" s="29"/>
      <c r="L44" s="29"/>
      <c r="M44" s="29"/>
      <c r="N44" s="29"/>
      <c r="O44" s="28"/>
      <c r="P44" s="31"/>
      <c r="Q44" s="28"/>
      <c r="R44" s="26"/>
      <c r="S44" s="28"/>
      <c r="T44" s="28"/>
      <c r="U44" s="28"/>
      <c r="V44" s="28"/>
      <c r="W44" s="28"/>
      <c r="X44" s="26"/>
      <c r="Y44" s="28"/>
      <c r="Z44" s="28"/>
      <c r="AA44" s="28"/>
      <c r="AB44" s="28"/>
      <c r="AC44" s="28"/>
      <c r="AD44" s="31"/>
    </row>
    <row r="45" spans="1:30" ht="30" customHeight="1" x14ac:dyDescent="0.4">
      <c r="A45" s="41">
        <v>41</v>
      </c>
      <c r="B45" s="24"/>
      <c r="C45" s="25"/>
      <c r="D45" s="24"/>
      <c r="E45" s="25"/>
      <c r="F45" s="26"/>
      <c r="G45" s="27" t="str">
        <f t="shared" si="1"/>
        <v/>
      </c>
      <c r="H45" s="27"/>
      <c r="I45" s="28"/>
      <c r="J45" s="28"/>
      <c r="K45" s="29"/>
      <c r="L45" s="29"/>
      <c r="M45" s="29"/>
      <c r="N45" s="29"/>
      <c r="O45" s="28"/>
      <c r="P45" s="31"/>
      <c r="Q45" s="28"/>
      <c r="R45" s="26"/>
      <c r="S45" s="28"/>
      <c r="T45" s="28"/>
      <c r="U45" s="28"/>
      <c r="V45" s="28"/>
      <c r="W45" s="28"/>
      <c r="X45" s="26"/>
      <c r="Y45" s="28"/>
      <c r="Z45" s="28"/>
      <c r="AA45" s="28"/>
      <c r="AB45" s="28"/>
      <c r="AC45" s="28"/>
      <c r="AD45" s="31"/>
    </row>
    <row r="46" spans="1:30" ht="30" customHeight="1" x14ac:dyDescent="0.4">
      <c r="A46" s="41">
        <v>42</v>
      </c>
      <c r="B46" s="24"/>
      <c r="C46" s="25"/>
      <c r="D46" s="24"/>
      <c r="E46" s="25"/>
      <c r="F46" s="26"/>
      <c r="G46" s="27" t="str">
        <f t="shared" si="1"/>
        <v/>
      </c>
      <c r="H46" s="27"/>
      <c r="I46" s="28"/>
      <c r="J46" s="28"/>
      <c r="K46" s="29"/>
      <c r="L46" s="29"/>
      <c r="M46" s="29"/>
      <c r="N46" s="29"/>
      <c r="O46" s="28"/>
      <c r="P46" s="31"/>
      <c r="Q46" s="28"/>
      <c r="R46" s="26"/>
      <c r="S46" s="28"/>
      <c r="T46" s="28"/>
      <c r="U46" s="28"/>
      <c r="V46" s="28"/>
      <c r="W46" s="28"/>
      <c r="X46" s="26"/>
      <c r="Y46" s="28"/>
      <c r="Z46" s="28"/>
      <c r="AA46" s="28"/>
      <c r="AB46" s="28"/>
      <c r="AC46" s="28"/>
      <c r="AD46" s="31"/>
    </row>
    <row r="47" spans="1:30" ht="30" customHeight="1" x14ac:dyDescent="0.4">
      <c r="A47" s="41">
        <v>43</v>
      </c>
      <c r="B47" s="24"/>
      <c r="C47" s="25"/>
      <c r="D47" s="24"/>
      <c r="E47" s="25"/>
      <c r="F47" s="26"/>
      <c r="G47" s="27" t="str">
        <f t="shared" si="1"/>
        <v/>
      </c>
      <c r="H47" s="27"/>
      <c r="I47" s="28"/>
      <c r="J47" s="28"/>
      <c r="K47" s="29"/>
      <c r="L47" s="29"/>
      <c r="M47" s="29"/>
      <c r="N47" s="29"/>
      <c r="O47" s="28"/>
      <c r="P47" s="31"/>
      <c r="Q47" s="28"/>
      <c r="R47" s="26"/>
      <c r="S47" s="28"/>
      <c r="T47" s="28"/>
      <c r="U47" s="28"/>
      <c r="V47" s="28"/>
      <c r="W47" s="28"/>
      <c r="X47" s="26"/>
      <c r="Y47" s="28"/>
      <c r="Z47" s="28"/>
      <c r="AA47" s="28"/>
      <c r="AB47" s="28"/>
      <c r="AC47" s="28"/>
      <c r="AD47" s="31"/>
    </row>
    <row r="48" spans="1:30" ht="30" customHeight="1" x14ac:dyDescent="0.4">
      <c r="A48" s="41">
        <v>44</v>
      </c>
      <c r="B48" s="24"/>
      <c r="C48" s="25"/>
      <c r="D48" s="24"/>
      <c r="E48" s="25"/>
      <c r="F48" s="26"/>
      <c r="G48" s="27" t="str">
        <f t="shared" si="1"/>
        <v/>
      </c>
      <c r="H48" s="27"/>
      <c r="I48" s="28"/>
      <c r="J48" s="28"/>
      <c r="K48" s="29"/>
      <c r="L48" s="29"/>
      <c r="M48" s="29"/>
      <c r="N48" s="29"/>
      <c r="O48" s="28"/>
      <c r="P48" s="31"/>
      <c r="Q48" s="28"/>
      <c r="R48" s="26"/>
      <c r="S48" s="28"/>
      <c r="T48" s="28"/>
      <c r="U48" s="28"/>
      <c r="V48" s="28"/>
      <c r="W48" s="28"/>
      <c r="X48" s="26"/>
      <c r="Y48" s="28"/>
      <c r="Z48" s="28"/>
      <c r="AA48" s="28"/>
      <c r="AB48" s="28"/>
      <c r="AC48" s="28"/>
      <c r="AD48" s="31"/>
    </row>
    <row r="49" spans="1:30" ht="30" customHeight="1" x14ac:dyDescent="0.4">
      <c r="A49" s="41">
        <v>45</v>
      </c>
      <c r="B49" s="24"/>
      <c r="C49" s="25"/>
      <c r="D49" s="24"/>
      <c r="E49" s="25"/>
      <c r="F49" s="26"/>
      <c r="G49" s="27" t="str">
        <f t="shared" si="1"/>
        <v/>
      </c>
      <c r="H49" s="27"/>
      <c r="I49" s="28"/>
      <c r="J49" s="28"/>
      <c r="K49" s="29"/>
      <c r="L49" s="29"/>
      <c r="M49" s="29"/>
      <c r="N49" s="29"/>
      <c r="O49" s="28"/>
      <c r="P49" s="31"/>
      <c r="Q49" s="28"/>
      <c r="R49" s="26"/>
      <c r="S49" s="28"/>
      <c r="T49" s="28"/>
      <c r="U49" s="28"/>
      <c r="V49" s="28"/>
      <c r="W49" s="28"/>
      <c r="X49" s="26"/>
      <c r="Y49" s="28"/>
      <c r="Z49" s="28"/>
      <c r="AA49" s="28"/>
      <c r="AB49" s="28"/>
      <c r="AC49" s="28"/>
      <c r="AD49" s="31"/>
    </row>
    <row r="50" spans="1:30" ht="30" customHeight="1" x14ac:dyDescent="0.4">
      <c r="A50" s="41">
        <v>46</v>
      </c>
      <c r="B50" s="24"/>
      <c r="C50" s="25"/>
      <c r="D50" s="24"/>
      <c r="E50" s="25"/>
      <c r="F50" s="26"/>
      <c r="G50" s="27" t="str">
        <f t="shared" si="1"/>
        <v/>
      </c>
      <c r="H50" s="27"/>
      <c r="I50" s="28"/>
      <c r="J50" s="28"/>
      <c r="K50" s="29"/>
      <c r="L50" s="29"/>
      <c r="M50" s="29"/>
      <c r="N50" s="29"/>
      <c r="O50" s="28"/>
      <c r="P50" s="31"/>
      <c r="Q50" s="28"/>
      <c r="R50" s="26"/>
      <c r="S50" s="28"/>
      <c r="T50" s="28"/>
      <c r="U50" s="28"/>
      <c r="V50" s="28"/>
      <c r="W50" s="28"/>
      <c r="X50" s="26"/>
      <c r="Y50" s="28"/>
      <c r="Z50" s="28"/>
      <c r="AA50" s="28"/>
      <c r="AB50" s="28"/>
      <c r="AC50" s="28"/>
      <c r="AD50" s="31"/>
    </row>
    <row r="51" spans="1:30" ht="30" customHeight="1" x14ac:dyDescent="0.4">
      <c r="A51" s="41">
        <v>47</v>
      </c>
      <c r="B51" s="24"/>
      <c r="C51" s="25"/>
      <c r="D51" s="24"/>
      <c r="E51" s="25"/>
      <c r="F51" s="26"/>
      <c r="G51" s="27" t="str">
        <f t="shared" si="1"/>
        <v/>
      </c>
      <c r="H51" s="27"/>
      <c r="I51" s="28"/>
      <c r="J51" s="28"/>
      <c r="K51" s="29"/>
      <c r="L51" s="29"/>
      <c r="M51" s="29"/>
      <c r="N51" s="29"/>
      <c r="O51" s="28"/>
      <c r="P51" s="31"/>
      <c r="Q51" s="28"/>
      <c r="R51" s="26"/>
      <c r="S51" s="28"/>
      <c r="T51" s="28"/>
      <c r="U51" s="28"/>
      <c r="V51" s="28"/>
      <c r="W51" s="28"/>
      <c r="X51" s="26"/>
      <c r="Y51" s="28"/>
      <c r="Z51" s="28"/>
      <c r="AA51" s="28"/>
      <c r="AB51" s="28"/>
      <c r="AC51" s="28"/>
      <c r="AD51" s="31"/>
    </row>
    <row r="52" spans="1:30" ht="30" customHeight="1" x14ac:dyDescent="0.4">
      <c r="A52" s="41">
        <v>48</v>
      </c>
      <c r="B52" s="24"/>
      <c r="C52" s="25"/>
      <c r="D52" s="24"/>
      <c r="E52" s="25"/>
      <c r="F52" s="26"/>
      <c r="G52" s="27" t="str">
        <f t="shared" si="1"/>
        <v/>
      </c>
      <c r="H52" s="27"/>
      <c r="I52" s="28"/>
      <c r="J52" s="28"/>
      <c r="K52" s="29"/>
      <c r="L52" s="29"/>
      <c r="M52" s="29"/>
      <c r="N52" s="29"/>
      <c r="O52" s="28"/>
      <c r="P52" s="31"/>
      <c r="Q52" s="28"/>
      <c r="R52" s="26"/>
      <c r="S52" s="28"/>
      <c r="T52" s="28"/>
      <c r="U52" s="28"/>
      <c r="V52" s="28"/>
      <c r="W52" s="28"/>
      <c r="X52" s="26"/>
      <c r="Y52" s="28"/>
      <c r="Z52" s="28"/>
      <c r="AA52" s="28"/>
      <c r="AB52" s="28"/>
      <c r="AC52" s="28"/>
      <c r="AD52" s="31"/>
    </row>
    <row r="53" spans="1:30" ht="30" customHeight="1" x14ac:dyDescent="0.4">
      <c r="A53" s="41">
        <v>49</v>
      </c>
      <c r="B53" s="24"/>
      <c r="C53" s="25"/>
      <c r="D53" s="24"/>
      <c r="E53" s="25"/>
      <c r="F53" s="26"/>
      <c r="G53" s="27" t="str">
        <f t="shared" si="1"/>
        <v/>
      </c>
      <c r="H53" s="27"/>
      <c r="I53" s="28"/>
      <c r="J53" s="28"/>
      <c r="K53" s="29"/>
      <c r="L53" s="29"/>
      <c r="M53" s="29"/>
      <c r="N53" s="29"/>
      <c r="O53" s="28"/>
      <c r="P53" s="31"/>
      <c r="Q53" s="28"/>
      <c r="R53" s="26"/>
      <c r="S53" s="28"/>
      <c r="T53" s="28"/>
      <c r="U53" s="28"/>
      <c r="V53" s="28"/>
      <c r="W53" s="28"/>
      <c r="X53" s="26"/>
      <c r="Y53" s="28"/>
      <c r="Z53" s="28"/>
      <c r="AA53" s="28"/>
      <c r="AB53" s="28"/>
      <c r="AC53" s="28"/>
      <c r="AD53" s="31"/>
    </row>
    <row r="54" spans="1:30" ht="30" customHeight="1" x14ac:dyDescent="0.4">
      <c r="A54" s="41">
        <v>50</v>
      </c>
      <c r="B54" s="24"/>
      <c r="C54" s="25"/>
      <c r="D54" s="24"/>
      <c r="E54" s="25"/>
      <c r="F54" s="26"/>
      <c r="G54" s="27" t="str">
        <f t="shared" si="1"/>
        <v/>
      </c>
      <c r="H54" s="27"/>
      <c r="I54" s="28"/>
      <c r="J54" s="28"/>
      <c r="K54" s="29"/>
      <c r="L54" s="29"/>
      <c r="M54" s="29"/>
      <c r="N54" s="29"/>
      <c r="O54" s="28"/>
      <c r="P54" s="31"/>
      <c r="Q54" s="28"/>
      <c r="R54" s="26"/>
      <c r="S54" s="28"/>
      <c r="T54" s="28"/>
      <c r="U54" s="28"/>
      <c r="V54" s="28"/>
      <c r="W54" s="28"/>
      <c r="X54" s="26"/>
      <c r="Y54" s="28"/>
      <c r="Z54" s="28"/>
      <c r="AA54" s="28"/>
      <c r="AB54" s="28"/>
      <c r="AC54" s="28"/>
      <c r="AD54" s="31"/>
    </row>
    <row r="55" spans="1:30" ht="30" customHeight="1" x14ac:dyDescent="0.4">
      <c r="A55" s="41">
        <v>51</v>
      </c>
      <c r="B55" s="24"/>
      <c r="C55" s="25"/>
      <c r="D55" s="24"/>
      <c r="E55" s="25"/>
      <c r="F55" s="26"/>
      <c r="G55" s="27" t="str">
        <f t="shared" si="1"/>
        <v/>
      </c>
      <c r="H55" s="27"/>
      <c r="I55" s="28"/>
      <c r="J55" s="28"/>
      <c r="K55" s="29"/>
      <c r="L55" s="29"/>
      <c r="M55" s="29"/>
      <c r="N55" s="29"/>
      <c r="O55" s="28"/>
      <c r="P55" s="31"/>
      <c r="Q55" s="28"/>
      <c r="R55" s="26"/>
      <c r="S55" s="28"/>
      <c r="T55" s="28"/>
      <c r="U55" s="28"/>
      <c r="V55" s="28"/>
      <c r="W55" s="28"/>
      <c r="X55" s="26"/>
      <c r="Y55" s="28"/>
      <c r="Z55" s="28"/>
      <c r="AA55" s="28"/>
      <c r="AB55" s="28"/>
      <c r="AC55" s="28"/>
      <c r="AD55" s="31"/>
    </row>
    <row r="56" spans="1:30" ht="30" customHeight="1" x14ac:dyDescent="0.4">
      <c r="A56" s="41">
        <v>52</v>
      </c>
      <c r="B56" s="24"/>
      <c r="C56" s="25"/>
      <c r="D56" s="24"/>
      <c r="E56" s="25"/>
      <c r="F56" s="26"/>
      <c r="G56" s="27" t="str">
        <f t="shared" si="1"/>
        <v/>
      </c>
      <c r="H56" s="27"/>
      <c r="I56" s="28"/>
      <c r="J56" s="28"/>
      <c r="K56" s="29"/>
      <c r="L56" s="29"/>
      <c r="M56" s="29"/>
      <c r="N56" s="29"/>
      <c r="O56" s="28"/>
      <c r="P56" s="31"/>
      <c r="Q56" s="28"/>
      <c r="R56" s="26"/>
      <c r="S56" s="28"/>
      <c r="T56" s="28"/>
      <c r="U56" s="28"/>
      <c r="V56" s="28"/>
      <c r="W56" s="28"/>
      <c r="X56" s="26"/>
      <c r="Y56" s="28"/>
      <c r="Z56" s="28"/>
      <c r="AA56" s="28"/>
      <c r="AB56" s="28"/>
      <c r="AC56" s="28"/>
      <c r="AD56" s="31"/>
    </row>
    <row r="57" spans="1:30" ht="30" customHeight="1" x14ac:dyDescent="0.4">
      <c r="A57" s="41">
        <v>53</v>
      </c>
      <c r="B57" s="24"/>
      <c r="C57" s="25"/>
      <c r="D57" s="24"/>
      <c r="E57" s="25"/>
      <c r="F57" s="26"/>
      <c r="G57" s="27" t="str">
        <f t="shared" si="1"/>
        <v/>
      </c>
      <c r="H57" s="27"/>
      <c r="I57" s="28"/>
      <c r="J57" s="28"/>
      <c r="K57" s="29"/>
      <c r="L57" s="29"/>
      <c r="M57" s="29"/>
      <c r="N57" s="29"/>
      <c r="O57" s="28"/>
      <c r="P57" s="31"/>
      <c r="Q57" s="28"/>
      <c r="R57" s="26"/>
      <c r="S57" s="28"/>
      <c r="T57" s="28"/>
      <c r="U57" s="28"/>
      <c r="V57" s="28"/>
      <c r="W57" s="28"/>
      <c r="X57" s="26"/>
      <c r="Y57" s="28"/>
      <c r="Z57" s="28"/>
      <c r="AA57" s="28"/>
      <c r="AB57" s="28"/>
      <c r="AC57" s="28"/>
      <c r="AD57" s="31"/>
    </row>
    <row r="58" spans="1:30" ht="30" customHeight="1" x14ac:dyDescent="0.4">
      <c r="A58" s="41">
        <v>54</v>
      </c>
      <c r="B58" s="24"/>
      <c r="C58" s="25"/>
      <c r="D58" s="24"/>
      <c r="E58" s="25"/>
      <c r="F58" s="26"/>
      <c r="G58" s="27" t="str">
        <f t="shared" si="1"/>
        <v/>
      </c>
      <c r="H58" s="27"/>
      <c r="I58" s="28"/>
      <c r="J58" s="28"/>
      <c r="K58" s="29"/>
      <c r="L58" s="29"/>
      <c r="M58" s="29"/>
      <c r="N58" s="29"/>
      <c r="O58" s="28"/>
      <c r="P58" s="31"/>
      <c r="Q58" s="28"/>
      <c r="R58" s="26"/>
      <c r="S58" s="28"/>
      <c r="T58" s="28"/>
      <c r="U58" s="28"/>
      <c r="V58" s="28"/>
      <c r="W58" s="28"/>
      <c r="X58" s="26"/>
      <c r="Y58" s="28"/>
      <c r="Z58" s="28"/>
      <c r="AA58" s="28"/>
      <c r="AB58" s="28"/>
      <c r="AC58" s="28"/>
      <c r="AD58" s="31"/>
    </row>
    <row r="59" spans="1:30" ht="30" customHeight="1" x14ac:dyDescent="0.4">
      <c r="A59" s="41">
        <v>55</v>
      </c>
      <c r="B59" s="24"/>
      <c r="C59" s="25"/>
      <c r="D59" s="24"/>
      <c r="E59" s="25"/>
      <c r="F59" s="26"/>
      <c r="G59" s="27" t="str">
        <f t="shared" si="1"/>
        <v/>
      </c>
      <c r="H59" s="27"/>
      <c r="I59" s="28"/>
      <c r="J59" s="28"/>
      <c r="K59" s="29"/>
      <c r="L59" s="29"/>
      <c r="M59" s="29"/>
      <c r="N59" s="29"/>
      <c r="O59" s="28"/>
      <c r="P59" s="31"/>
      <c r="Q59" s="28"/>
      <c r="R59" s="26"/>
      <c r="S59" s="28"/>
      <c r="T59" s="28"/>
      <c r="U59" s="28"/>
      <c r="V59" s="28"/>
      <c r="W59" s="28"/>
      <c r="X59" s="26"/>
      <c r="Y59" s="28"/>
      <c r="Z59" s="28"/>
      <c r="AA59" s="28"/>
      <c r="AB59" s="28"/>
      <c r="AC59" s="28"/>
      <c r="AD59" s="31"/>
    </row>
    <row r="60" spans="1:30" ht="30" customHeight="1" x14ac:dyDescent="0.4">
      <c r="A60" s="41">
        <v>56</v>
      </c>
      <c r="B60" s="24"/>
      <c r="C60" s="25"/>
      <c r="D60" s="24"/>
      <c r="E60" s="25"/>
      <c r="F60" s="26"/>
      <c r="G60" s="27" t="str">
        <f t="shared" si="1"/>
        <v/>
      </c>
      <c r="H60" s="27"/>
      <c r="I60" s="28"/>
      <c r="J60" s="28"/>
      <c r="K60" s="29"/>
      <c r="L60" s="29"/>
      <c r="M60" s="29"/>
      <c r="N60" s="29"/>
      <c r="O60" s="28"/>
      <c r="P60" s="31"/>
      <c r="Q60" s="28"/>
      <c r="R60" s="26"/>
      <c r="S60" s="28"/>
      <c r="T60" s="28"/>
      <c r="U60" s="28"/>
      <c r="V60" s="28"/>
      <c r="W60" s="28"/>
      <c r="X60" s="26"/>
      <c r="Y60" s="28"/>
      <c r="Z60" s="28"/>
      <c r="AA60" s="28"/>
      <c r="AB60" s="28"/>
      <c r="AC60" s="28"/>
      <c r="AD60" s="31"/>
    </row>
    <row r="61" spans="1:30" ht="30" customHeight="1" x14ac:dyDescent="0.4">
      <c r="A61" s="41">
        <v>57</v>
      </c>
      <c r="B61" s="24"/>
      <c r="C61" s="25"/>
      <c r="D61" s="24"/>
      <c r="E61" s="25"/>
      <c r="F61" s="26"/>
      <c r="G61" s="27" t="str">
        <f t="shared" si="1"/>
        <v/>
      </c>
      <c r="H61" s="27"/>
      <c r="I61" s="28"/>
      <c r="J61" s="28"/>
      <c r="K61" s="29"/>
      <c r="L61" s="29"/>
      <c r="M61" s="29"/>
      <c r="N61" s="29"/>
      <c r="O61" s="28"/>
      <c r="P61" s="31"/>
      <c r="Q61" s="28"/>
      <c r="R61" s="26"/>
      <c r="S61" s="28"/>
      <c r="T61" s="28"/>
      <c r="U61" s="28"/>
      <c r="V61" s="28"/>
      <c r="W61" s="28"/>
      <c r="X61" s="26"/>
      <c r="Y61" s="28"/>
      <c r="Z61" s="28"/>
      <c r="AA61" s="28"/>
      <c r="AB61" s="28"/>
      <c r="AC61" s="28"/>
      <c r="AD61" s="31"/>
    </row>
    <row r="62" spans="1:30" ht="30" customHeight="1" x14ac:dyDescent="0.4">
      <c r="A62" s="41">
        <v>58</v>
      </c>
      <c r="B62" s="24"/>
      <c r="C62" s="25"/>
      <c r="D62" s="24"/>
      <c r="E62" s="25"/>
      <c r="F62" s="26"/>
      <c r="G62" s="27" t="str">
        <f t="shared" si="1"/>
        <v/>
      </c>
      <c r="H62" s="27"/>
      <c r="I62" s="28"/>
      <c r="J62" s="28"/>
      <c r="K62" s="29"/>
      <c r="L62" s="29"/>
      <c r="M62" s="29"/>
      <c r="N62" s="29"/>
      <c r="O62" s="28"/>
      <c r="P62" s="31"/>
      <c r="Q62" s="28"/>
      <c r="R62" s="26"/>
      <c r="S62" s="28"/>
      <c r="T62" s="28"/>
      <c r="U62" s="28"/>
      <c r="V62" s="28"/>
      <c r="W62" s="28"/>
      <c r="X62" s="26"/>
      <c r="Y62" s="28"/>
      <c r="Z62" s="28"/>
      <c r="AA62" s="28"/>
      <c r="AB62" s="28"/>
      <c r="AC62" s="28"/>
      <c r="AD62" s="31"/>
    </row>
    <row r="63" spans="1:30" ht="30" customHeight="1" x14ac:dyDescent="0.4">
      <c r="A63" s="41">
        <v>59</v>
      </c>
      <c r="B63" s="24"/>
      <c r="C63" s="25"/>
      <c r="D63" s="24"/>
      <c r="E63" s="25"/>
      <c r="F63" s="26"/>
      <c r="G63" s="27" t="str">
        <f t="shared" si="1"/>
        <v/>
      </c>
      <c r="H63" s="27"/>
      <c r="I63" s="28"/>
      <c r="J63" s="28"/>
      <c r="K63" s="29"/>
      <c r="L63" s="29"/>
      <c r="M63" s="29"/>
      <c r="N63" s="29"/>
      <c r="O63" s="28"/>
      <c r="P63" s="31"/>
      <c r="Q63" s="28"/>
      <c r="R63" s="26"/>
      <c r="S63" s="28"/>
      <c r="T63" s="28"/>
      <c r="U63" s="28"/>
      <c r="V63" s="28"/>
      <c r="W63" s="28"/>
      <c r="X63" s="26"/>
      <c r="Y63" s="28"/>
      <c r="Z63" s="28"/>
      <c r="AA63" s="28"/>
      <c r="AB63" s="28"/>
      <c r="AC63" s="28"/>
      <c r="AD63" s="31"/>
    </row>
    <row r="64" spans="1:30" ht="30" customHeight="1" x14ac:dyDescent="0.4">
      <c r="A64" s="41">
        <v>60</v>
      </c>
      <c r="B64" s="24"/>
      <c r="C64" s="25"/>
      <c r="D64" s="24"/>
      <c r="E64" s="25"/>
      <c r="F64" s="26"/>
      <c r="G64" s="27" t="str">
        <f t="shared" si="1"/>
        <v/>
      </c>
      <c r="H64" s="27"/>
      <c r="I64" s="28"/>
      <c r="J64" s="28"/>
      <c r="K64" s="29"/>
      <c r="L64" s="29"/>
      <c r="M64" s="29"/>
      <c r="N64" s="29"/>
      <c r="O64" s="28"/>
      <c r="P64" s="31"/>
      <c r="Q64" s="28"/>
      <c r="R64" s="26"/>
      <c r="S64" s="28"/>
      <c r="T64" s="28"/>
      <c r="U64" s="28"/>
      <c r="V64" s="28"/>
      <c r="W64" s="28"/>
      <c r="X64" s="26"/>
      <c r="Y64" s="28"/>
      <c r="Z64" s="28"/>
      <c r="AA64" s="28"/>
      <c r="AB64" s="28"/>
      <c r="AC64" s="28"/>
      <c r="AD64" s="31"/>
    </row>
    <row r="65" spans="1:30" ht="30" customHeight="1" x14ac:dyDescent="0.4">
      <c r="A65" s="41">
        <v>61</v>
      </c>
      <c r="B65" s="24"/>
      <c r="C65" s="25"/>
      <c r="D65" s="24"/>
      <c r="E65" s="25"/>
      <c r="F65" s="26"/>
      <c r="G65" s="27" t="str">
        <f t="shared" si="1"/>
        <v/>
      </c>
      <c r="H65" s="27"/>
      <c r="I65" s="28"/>
      <c r="J65" s="28"/>
      <c r="K65" s="29"/>
      <c r="L65" s="29"/>
      <c r="M65" s="29"/>
      <c r="N65" s="29"/>
      <c r="O65" s="28"/>
      <c r="P65" s="31"/>
      <c r="Q65" s="28"/>
      <c r="R65" s="26"/>
      <c r="S65" s="28"/>
      <c r="T65" s="28"/>
      <c r="U65" s="28"/>
      <c r="V65" s="28"/>
      <c r="W65" s="28"/>
      <c r="X65" s="26"/>
      <c r="Y65" s="28"/>
      <c r="Z65" s="28"/>
      <c r="AA65" s="28"/>
      <c r="AB65" s="28"/>
      <c r="AC65" s="28"/>
      <c r="AD65" s="31"/>
    </row>
    <row r="66" spans="1:30" ht="30" customHeight="1" x14ac:dyDescent="0.4">
      <c r="A66" s="41">
        <v>62</v>
      </c>
      <c r="B66" s="24"/>
      <c r="C66" s="25"/>
      <c r="D66" s="24"/>
      <c r="E66" s="25"/>
      <c r="F66" s="26"/>
      <c r="G66" s="27" t="str">
        <f t="shared" si="1"/>
        <v/>
      </c>
      <c r="H66" s="27"/>
      <c r="I66" s="28"/>
      <c r="J66" s="28"/>
      <c r="K66" s="29"/>
      <c r="L66" s="29"/>
      <c r="M66" s="29"/>
      <c r="N66" s="29"/>
      <c r="O66" s="28"/>
      <c r="P66" s="31"/>
      <c r="Q66" s="28"/>
      <c r="R66" s="26"/>
      <c r="S66" s="28"/>
      <c r="T66" s="28"/>
      <c r="U66" s="28"/>
      <c r="V66" s="28"/>
      <c r="W66" s="28"/>
      <c r="X66" s="26"/>
      <c r="Y66" s="28"/>
      <c r="Z66" s="28"/>
      <c r="AA66" s="28"/>
      <c r="AB66" s="28"/>
      <c r="AC66" s="28"/>
      <c r="AD66" s="31"/>
    </row>
    <row r="67" spans="1:30" ht="30" customHeight="1" x14ac:dyDescent="0.4">
      <c r="A67" s="41">
        <v>63</v>
      </c>
      <c r="B67" s="24"/>
      <c r="C67" s="25"/>
      <c r="D67" s="24"/>
      <c r="E67" s="25"/>
      <c r="F67" s="26"/>
      <c r="G67" s="27" t="str">
        <f t="shared" si="1"/>
        <v/>
      </c>
      <c r="H67" s="27"/>
      <c r="I67" s="28"/>
      <c r="J67" s="28"/>
      <c r="K67" s="29"/>
      <c r="L67" s="29"/>
      <c r="M67" s="29"/>
      <c r="N67" s="29"/>
      <c r="O67" s="28"/>
      <c r="P67" s="31"/>
      <c r="Q67" s="28"/>
      <c r="R67" s="26"/>
      <c r="S67" s="28"/>
      <c r="T67" s="28"/>
      <c r="U67" s="28"/>
      <c r="V67" s="28"/>
      <c r="W67" s="28"/>
      <c r="X67" s="26"/>
      <c r="Y67" s="28"/>
      <c r="Z67" s="28"/>
      <c r="AA67" s="28"/>
      <c r="AB67" s="28"/>
      <c r="AC67" s="28"/>
      <c r="AD67" s="31"/>
    </row>
    <row r="68" spans="1:30" ht="30" customHeight="1" x14ac:dyDescent="0.4">
      <c r="A68" s="41">
        <v>64</v>
      </c>
      <c r="B68" s="24"/>
      <c r="C68" s="25"/>
      <c r="D68" s="24"/>
      <c r="E68" s="25"/>
      <c r="F68" s="26"/>
      <c r="G68" s="27" t="str">
        <f t="shared" si="1"/>
        <v/>
      </c>
      <c r="H68" s="27"/>
      <c r="I68" s="28"/>
      <c r="J68" s="28"/>
      <c r="K68" s="29"/>
      <c r="L68" s="29"/>
      <c r="M68" s="29"/>
      <c r="N68" s="29"/>
      <c r="O68" s="28"/>
      <c r="P68" s="31"/>
      <c r="Q68" s="28"/>
      <c r="R68" s="26"/>
      <c r="S68" s="28"/>
      <c r="T68" s="28"/>
      <c r="U68" s="28"/>
      <c r="V68" s="28"/>
      <c r="W68" s="28"/>
      <c r="X68" s="26"/>
      <c r="Y68" s="28"/>
      <c r="Z68" s="28"/>
      <c r="AA68" s="28"/>
      <c r="AB68" s="28"/>
      <c r="AC68" s="28"/>
      <c r="AD68" s="31"/>
    </row>
    <row r="69" spans="1:30" ht="30" customHeight="1" x14ac:dyDescent="0.4">
      <c r="A69" s="41">
        <v>65</v>
      </c>
      <c r="B69" s="24"/>
      <c r="C69" s="25"/>
      <c r="D69" s="24"/>
      <c r="E69" s="25"/>
      <c r="F69" s="26"/>
      <c r="G69" s="27" t="str">
        <f t="shared" si="1"/>
        <v/>
      </c>
      <c r="H69" s="27"/>
      <c r="I69" s="28"/>
      <c r="J69" s="28"/>
      <c r="K69" s="29"/>
      <c r="L69" s="29"/>
      <c r="M69" s="29"/>
      <c r="N69" s="29"/>
      <c r="O69" s="28"/>
      <c r="P69" s="31"/>
      <c r="Q69" s="28"/>
      <c r="R69" s="26"/>
      <c r="S69" s="28"/>
      <c r="T69" s="28"/>
      <c r="U69" s="28"/>
      <c r="V69" s="28"/>
      <c r="W69" s="28"/>
      <c r="X69" s="26"/>
      <c r="Y69" s="28"/>
      <c r="Z69" s="28"/>
      <c r="AA69" s="28"/>
      <c r="AB69" s="28"/>
      <c r="AC69" s="28"/>
      <c r="AD69" s="31"/>
    </row>
    <row r="70" spans="1:30" ht="30" customHeight="1" x14ac:dyDescent="0.4">
      <c r="A70" s="41">
        <v>66</v>
      </c>
      <c r="B70" s="24"/>
      <c r="C70" s="25"/>
      <c r="D70" s="24"/>
      <c r="E70" s="25"/>
      <c r="F70" s="26"/>
      <c r="G70" s="27" t="str">
        <f t="shared" si="1"/>
        <v/>
      </c>
      <c r="H70" s="27"/>
      <c r="I70" s="28"/>
      <c r="J70" s="28"/>
      <c r="K70" s="29"/>
      <c r="L70" s="29"/>
      <c r="M70" s="29"/>
      <c r="N70" s="29"/>
      <c r="O70" s="28"/>
      <c r="P70" s="31"/>
      <c r="Q70" s="28"/>
      <c r="R70" s="26"/>
      <c r="S70" s="28"/>
      <c r="T70" s="28"/>
      <c r="U70" s="28"/>
      <c r="V70" s="28"/>
      <c r="W70" s="28"/>
      <c r="X70" s="26"/>
      <c r="Y70" s="28"/>
      <c r="Z70" s="28"/>
      <c r="AA70" s="28"/>
      <c r="AB70" s="28"/>
      <c r="AC70" s="28"/>
      <c r="AD70" s="31"/>
    </row>
    <row r="71" spans="1:30" ht="30" customHeight="1" x14ac:dyDescent="0.4">
      <c r="A71" s="41">
        <v>67</v>
      </c>
      <c r="B71" s="24"/>
      <c r="C71" s="25"/>
      <c r="D71" s="24"/>
      <c r="E71" s="25"/>
      <c r="F71" s="26"/>
      <c r="G71" s="27" t="str">
        <f t="shared" si="1"/>
        <v/>
      </c>
      <c r="H71" s="27"/>
      <c r="I71" s="28"/>
      <c r="J71" s="28"/>
      <c r="K71" s="29"/>
      <c r="L71" s="29"/>
      <c r="M71" s="29"/>
      <c r="N71" s="29"/>
      <c r="O71" s="28"/>
      <c r="P71" s="31"/>
      <c r="Q71" s="28"/>
      <c r="R71" s="26"/>
      <c r="S71" s="28"/>
      <c r="T71" s="28"/>
      <c r="U71" s="28"/>
      <c r="V71" s="28"/>
      <c r="W71" s="28"/>
      <c r="X71" s="26"/>
      <c r="Y71" s="28"/>
      <c r="Z71" s="28"/>
      <c r="AA71" s="28"/>
      <c r="AB71" s="28"/>
      <c r="AC71" s="28"/>
      <c r="AD71" s="31"/>
    </row>
    <row r="72" spans="1:30" ht="30" customHeight="1" x14ac:dyDescent="0.4">
      <c r="A72" s="41">
        <v>68</v>
      </c>
      <c r="B72" s="24"/>
      <c r="C72" s="25"/>
      <c r="D72" s="24"/>
      <c r="E72" s="25"/>
      <c r="F72" s="26"/>
      <c r="G72" s="27" t="str">
        <f t="shared" ref="G72:G103" si="2">IF(F72="","",DATEDIF(F72,$F$2,"Y"))</f>
        <v/>
      </c>
      <c r="H72" s="27"/>
      <c r="I72" s="28"/>
      <c r="J72" s="28"/>
      <c r="K72" s="29"/>
      <c r="L72" s="29"/>
      <c r="M72" s="29"/>
      <c r="N72" s="29"/>
      <c r="O72" s="28"/>
      <c r="P72" s="31"/>
      <c r="Q72" s="28"/>
      <c r="R72" s="26"/>
      <c r="S72" s="28"/>
      <c r="T72" s="28"/>
      <c r="U72" s="28"/>
      <c r="V72" s="28"/>
      <c r="W72" s="28"/>
      <c r="X72" s="26"/>
      <c r="Y72" s="28"/>
      <c r="Z72" s="28"/>
      <c r="AA72" s="28"/>
      <c r="AB72" s="28"/>
      <c r="AC72" s="28"/>
      <c r="AD72" s="31"/>
    </row>
    <row r="73" spans="1:30" ht="30" customHeight="1" x14ac:dyDescent="0.4">
      <c r="A73" s="41">
        <v>69</v>
      </c>
      <c r="B73" s="24"/>
      <c r="C73" s="25"/>
      <c r="D73" s="24"/>
      <c r="E73" s="25"/>
      <c r="F73" s="26"/>
      <c r="G73" s="27" t="str">
        <f t="shared" si="2"/>
        <v/>
      </c>
      <c r="H73" s="27"/>
      <c r="I73" s="28"/>
      <c r="J73" s="28"/>
      <c r="K73" s="29"/>
      <c r="L73" s="29"/>
      <c r="M73" s="29"/>
      <c r="N73" s="29"/>
      <c r="O73" s="28"/>
      <c r="P73" s="31"/>
      <c r="Q73" s="28"/>
      <c r="R73" s="26"/>
      <c r="S73" s="28"/>
      <c r="T73" s="28"/>
      <c r="U73" s="28"/>
      <c r="V73" s="28"/>
      <c r="W73" s="28"/>
      <c r="X73" s="26"/>
      <c r="Y73" s="28"/>
      <c r="Z73" s="28"/>
      <c r="AA73" s="28"/>
      <c r="AB73" s="28"/>
      <c r="AC73" s="28"/>
      <c r="AD73" s="31"/>
    </row>
    <row r="74" spans="1:30" ht="30" customHeight="1" x14ac:dyDescent="0.4">
      <c r="A74" s="41">
        <v>70</v>
      </c>
      <c r="B74" s="24"/>
      <c r="C74" s="25"/>
      <c r="D74" s="24"/>
      <c r="E74" s="25"/>
      <c r="F74" s="26"/>
      <c r="G74" s="27" t="str">
        <f t="shared" si="2"/>
        <v/>
      </c>
      <c r="H74" s="27"/>
      <c r="I74" s="28"/>
      <c r="J74" s="28"/>
      <c r="K74" s="29"/>
      <c r="L74" s="29"/>
      <c r="M74" s="29"/>
      <c r="N74" s="29"/>
      <c r="O74" s="28"/>
      <c r="P74" s="31"/>
      <c r="Q74" s="28"/>
      <c r="R74" s="26"/>
      <c r="S74" s="28"/>
      <c r="T74" s="28"/>
      <c r="U74" s="28"/>
      <c r="V74" s="28"/>
      <c r="W74" s="28"/>
      <c r="X74" s="26"/>
      <c r="Y74" s="28"/>
      <c r="Z74" s="28"/>
      <c r="AA74" s="28"/>
      <c r="AB74" s="28"/>
      <c r="AC74" s="28"/>
      <c r="AD74" s="31"/>
    </row>
    <row r="75" spans="1:30" ht="30" customHeight="1" x14ac:dyDescent="0.4">
      <c r="A75" s="41">
        <v>71</v>
      </c>
      <c r="B75" s="24"/>
      <c r="C75" s="25"/>
      <c r="D75" s="24"/>
      <c r="E75" s="25"/>
      <c r="F75" s="26"/>
      <c r="G75" s="27" t="str">
        <f t="shared" si="2"/>
        <v/>
      </c>
      <c r="H75" s="27"/>
      <c r="I75" s="28"/>
      <c r="J75" s="28"/>
      <c r="K75" s="29"/>
      <c r="L75" s="29"/>
      <c r="M75" s="29"/>
      <c r="N75" s="29"/>
      <c r="O75" s="28"/>
      <c r="P75" s="31"/>
      <c r="Q75" s="28"/>
      <c r="R75" s="26"/>
      <c r="S75" s="28"/>
      <c r="T75" s="28"/>
      <c r="U75" s="28"/>
      <c r="V75" s="28"/>
      <c r="W75" s="28"/>
      <c r="X75" s="26"/>
      <c r="Y75" s="28"/>
      <c r="Z75" s="28"/>
      <c r="AA75" s="28"/>
      <c r="AB75" s="28"/>
      <c r="AC75" s="28"/>
      <c r="AD75" s="31"/>
    </row>
    <row r="76" spans="1:30" ht="30" customHeight="1" x14ac:dyDescent="0.4">
      <c r="A76" s="41">
        <v>72</v>
      </c>
      <c r="B76" s="24"/>
      <c r="C76" s="25"/>
      <c r="D76" s="24"/>
      <c r="E76" s="25"/>
      <c r="F76" s="26"/>
      <c r="G76" s="27" t="str">
        <f t="shared" si="2"/>
        <v/>
      </c>
      <c r="H76" s="27"/>
      <c r="I76" s="28"/>
      <c r="J76" s="28"/>
      <c r="K76" s="29"/>
      <c r="L76" s="29"/>
      <c r="M76" s="29"/>
      <c r="N76" s="29"/>
      <c r="O76" s="28"/>
      <c r="P76" s="31"/>
      <c r="Q76" s="28"/>
      <c r="R76" s="26"/>
      <c r="S76" s="28"/>
      <c r="T76" s="28"/>
      <c r="U76" s="28"/>
      <c r="V76" s="28"/>
      <c r="W76" s="28"/>
      <c r="X76" s="26"/>
      <c r="Y76" s="28"/>
      <c r="Z76" s="28"/>
      <c r="AA76" s="28"/>
      <c r="AB76" s="28"/>
      <c r="AC76" s="28"/>
      <c r="AD76" s="31"/>
    </row>
    <row r="77" spans="1:30" ht="30" customHeight="1" x14ac:dyDescent="0.4">
      <c r="A77" s="41">
        <v>73</v>
      </c>
      <c r="B77" s="24"/>
      <c r="C77" s="25"/>
      <c r="D77" s="24"/>
      <c r="E77" s="25"/>
      <c r="F77" s="26"/>
      <c r="G77" s="27" t="str">
        <f t="shared" si="2"/>
        <v/>
      </c>
      <c r="H77" s="27"/>
      <c r="I77" s="28"/>
      <c r="J77" s="28"/>
      <c r="K77" s="29"/>
      <c r="L77" s="29"/>
      <c r="M77" s="29"/>
      <c r="N77" s="29"/>
      <c r="O77" s="28"/>
      <c r="P77" s="31"/>
      <c r="Q77" s="28"/>
      <c r="R77" s="26"/>
      <c r="S77" s="28"/>
      <c r="T77" s="28"/>
      <c r="U77" s="28"/>
      <c r="V77" s="28"/>
      <c r="W77" s="28"/>
      <c r="X77" s="26"/>
      <c r="Y77" s="28"/>
      <c r="Z77" s="28"/>
      <c r="AA77" s="28"/>
      <c r="AB77" s="28"/>
      <c r="AC77" s="28"/>
      <c r="AD77" s="31"/>
    </row>
    <row r="78" spans="1:30" ht="30" customHeight="1" x14ac:dyDescent="0.4">
      <c r="A78" s="41">
        <v>74</v>
      </c>
      <c r="B78" s="24"/>
      <c r="C78" s="25"/>
      <c r="D78" s="24"/>
      <c r="E78" s="25"/>
      <c r="F78" s="26"/>
      <c r="G78" s="27" t="str">
        <f t="shared" si="2"/>
        <v/>
      </c>
      <c r="H78" s="27"/>
      <c r="I78" s="28"/>
      <c r="J78" s="28"/>
      <c r="K78" s="29"/>
      <c r="L78" s="29"/>
      <c r="M78" s="29"/>
      <c r="N78" s="29"/>
      <c r="O78" s="28"/>
      <c r="P78" s="31"/>
      <c r="Q78" s="28"/>
      <c r="R78" s="26"/>
      <c r="S78" s="28"/>
      <c r="T78" s="28"/>
      <c r="U78" s="28"/>
      <c r="V78" s="28"/>
      <c r="W78" s="28"/>
      <c r="X78" s="26"/>
      <c r="Y78" s="28"/>
      <c r="Z78" s="28"/>
      <c r="AA78" s="28"/>
      <c r="AB78" s="28"/>
      <c r="AC78" s="28"/>
      <c r="AD78" s="31"/>
    </row>
    <row r="79" spans="1:30" ht="30" customHeight="1" x14ac:dyDescent="0.4">
      <c r="A79" s="41">
        <v>75</v>
      </c>
      <c r="B79" s="24"/>
      <c r="C79" s="25"/>
      <c r="D79" s="24"/>
      <c r="E79" s="25"/>
      <c r="F79" s="26"/>
      <c r="G79" s="27" t="str">
        <f t="shared" si="2"/>
        <v/>
      </c>
      <c r="H79" s="27"/>
      <c r="I79" s="28"/>
      <c r="J79" s="28"/>
      <c r="K79" s="29"/>
      <c r="L79" s="29"/>
      <c r="M79" s="29"/>
      <c r="N79" s="29"/>
      <c r="O79" s="28"/>
      <c r="P79" s="31"/>
      <c r="Q79" s="28"/>
      <c r="R79" s="26"/>
      <c r="S79" s="28"/>
      <c r="T79" s="28"/>
      <c r="U79" s="28"/>
      <c r="V79" s="28"/>
      <c r="W79" s="28"/>
      <c r="X79" s="26"/>
      <c r="Y79" s="28"/>
      <c r="Z79" s="28"/>
      <c r="AA79" s="28"/>
      <c r="AB79" s="28"/>
      <c r="AC79" s="28"/>
      <c r="AD79" s="31"/>
    </row>
    <row r="80" spans="1:30" ht="30" customHeight="1" x14ac:dyDescent="0.4">
      <c r="A80" s="41">
        <v>76</v>
      </c>
      <c r="B80" s="24"/>
      <c r="C80" s="25"/>
      <c r="D80" s="24"/>
      <c r="E80" s="25"/>
      <c r="F80" s="26"/>
      <c r="G80" s="27" t="str">
        <f t="shared" si="2"/>
        <v/>
      </c>
      <c r="H80" s="27"/>
      <c r="I80" s="28"/>
      <c r="J80" s="28"/>
      <c r="K80" s="29"/>
      <c r="L80" s="29"/>
      <c r="M80" s="29"/>
      <c r="N80" s="29"/>
      <c r="O80" s="28"/>
      <c r="P80" s="31"/>
      <c r="Q80" s="28"/>
      <c r="R80" s="26"/>
      <c r="S80" s="28"/>
      <c r="T80" s="28"/>
      <c r="U80" s="28"/>
      <c r="V80" s="28"/>
      <c r="W80" s="28"/>
      <c r="X80" s="26"/>
      <c r="Y80" s="28"/>
      <c r="Z80" s="28"/>
      <c r="AA80" s="28"/>
      <c r="AB80" s="28"/>
      <c r="AC80" s="28"/>
      <c r="AD80" s="31"/>
    </row>
    <row r="81" spans="1:30" ht="30" customHeight="1" x14ac:dyDescent="0.4">
      <c r="A81" s="41">
        <v>77</v>
      </c>
      <c r="B81" s="24"/>
      <c r="C81" s="25"/>
      <c r="D81" s="24"/>
      <c r="E81" s="25"/>
      <c r="F81" s="26"/>
      <c r="G81" s="27" t="str">
        <f t="shared" si="2"/>
        <v/>
      </c>
      <c r="H81" s="27"/>
      <c r="I81" s="28"/>
      <c r="J81" s="28"/>
      <c r="K81" s="29"/>
      <c r="L81" s="29"/>
      <c r="M81" s="29"/>
      <c r="N81" s="29"/>
      <c r="O81" s="28"/>
      <c r="P81" s="31"/>
      <c r="Q81" s="28"/>
      <c r="R81" s="26"/>
      <c r="S81" s="28"/>
      <c r="T81" s="28"/>
      <c r="U81" s="28"/>
      <c r="V81" s="28"/>
      <c r="W81" s="28"/>
      <c r="X81" s="26"/>
      <c r="Y81" s="28"/>
      <c r="Z81" s="28"/>
      <c r="AA81" s="28"/>
      <c r="AB81" s="28"/>
      <c r="AC81" s="28"/>
      <c r="AD81" s="31"/>
    </row>
    <row r="82" spans="1:30" ht="30" customHeight="1" x14ac:dyDescent="0.4">
      <c r="A82" s="41">
        <v>78</v>
      </c>
      <c r="B82" s="24"/>
      <c r="C82" s="25"/>
      <c r="D82" s="24"/>
      <c r="E82" s="25"/>
      <c r="F82" s="26"/>
      <c r="G82" s="27" t="str">
        <f t="shared" si="2"/>
        <v/>
      </c>
      <c r="H82" s="27"/>
      <c r="I82" s="28"/>
      <c r="J82" s="28"/>
      <c r="K82" s="29"/>
      <c r="L82" s="29"/>
      <c r="M82" s="29"/>
      <c r="N82" s="29"/>
      <c r="O82" s="28"/>
      <c r="P82" s="31"/>
      <c r="Q82" s="28"/>
      <c r="R82" s="26"/>
      <c r="S82" s="28"/>
      <c r="T82" s="28"/>
      <c r="U82" s="28"/>
      <c r="V82" s="28"/>
      <c r="W82" s="28"/>
      <c r="X82" s="26"/>
      <c r="Y82" s="28"/>
      <c r="Z82" s="28"/>
      <c r="AA82" s="28"/>
      <c r="AB82" s="28"/>
      <c r="AC82" s="28"/>
      <c r="AD82" s="31"/>
    </row>
    <row r="83" spans="1:30" ht="30" customHeight="1" x14ac:dyDescent="0.4">
      <c r="A83" s="41">
        <v>79</v>
      </c>
      <c r="B83" s="24"/>
      <c r="C83" s="25"/>
      <c r="D83" s="24"/>
      <c r="E83" s="25"/>
      <c r="F83" s="26"/>
      <c r="G83" s="27" t="str">
        <f t="shared" si="2"/>
        <v/>
      </c>
      <c r="H83" s="27"/>
      <c r="I83" s="28"/>
      <c r="J83" s="28"/>
      <c r="K83" s="29"/>
      <c r="L83" s="29"/>
      <c r="M83" s="29"/>
      <c r="N83" s="29"/>
      <c r="O83" s="28"/>
      <c r="P83" s="31"/>
      <c r="Q83" s="28"/>
      <c r="R83" s="26"/>
      <c r="S83" s="28"/>
      <c r="T83" s="28"/>
      <c r="U83" s="28"/>
      <c r="V83" s="28"/>
      <c r="W83" s="28"/>
      <c r="X83" s="26"/>
      <c r="Y83" s="28"/>
      <c r="Z83" s="28"/>
      <c r="AA83" s="28"/>
      <c r="AB83" s="28"/>
      <c r="AC83" s="28"/>
      <c r="AD83" s="31"/>
    </row>
    <row r="84" spans="1:30" ht="30" customHeight="1" x14ac:dyDescent="0.4">
      <c r="A84" s="41">
        <v>80</v>
      </c>
      <c r="B84" s="24"/>
      <c r="C84" s="25"/>
      <c r="D84" s="24"/>
      <c r="E84" s="25"/>
      <c r="F84" s="26"/>
      <c r="G84" s="27" t="str">
        <f t="shared" si="2"/>
        <v/>
      </c>
      <c r="H84" s="27"/>
      <c r="I84" s="28"/>
      <c r="J84" s="28"/>
      <c r="K84" s="29"/>
      <c r="L84" s="29"/>
      <c r="M84" s="29"/>
      <c r="N84" s="29"/>
      <c r="O84" s="28"/>
      <c r="P84" s="31"/>
      <c r="Q84" s="28"/>
      <c r="R84" s="26"/>
      <c r="S84" s="28"/>
      <c r="T84" s="28"/>
      <c r="U84" s="28"/>
      <c r="V84" s="28"/>
      <c r="W84" s="28"/>
      <c r="X84" s="26"/>
      <c r="Y84" s="28"/>
      <c r="Z84" s="28"/>
      <c r="AA84" s="28"/>
      <c r="AB84" s="28"/>
      <c r="AC84" s="28"/>
      <c r="AD84" s="31"/>
    </row>
    <row r="85" spans="1:30" ht="30" customHeight="1" x14ac:dyDescent="0.4">
      <c r="A85" s="41">
        <v>81</v>
      </c>
      <c r="B85" s="24"/>
      <c r="C85" s="25"/>
      <c r="D85" s="24"/>
      <c r="E85" s="25"/>
      <c r="F85" s="26"/>
      <c r="G85" s="27" t="str">
        <f t="shared" si="2"/>
        <v/>
      </c>
      <c r="H85" s="27"/>
      <c r="I85" s="28"/>
      <c r="J85" s="28"/>
      <c r="K85" s="29"/>
      <c r="L85" s="29"/>
      <c r="M85" s="29"/>
      <c r="N85" s="29"/>
      <c r="O85" s="28"/>
      <c r="P85" s="31"/>
      <c r="Q85" s="28"/>
      <c r="R85" s="26"/>
      <c r="S85" s="28"/>
      <c r="T85" s="28"/>
      <c r="U85" s="28"/>
      <c r="V85" s="28"/>
      <c r="W85" s="28"/>
      <c r="X85" s="26"/>
      <c r="Y85" s="28"/>
      <c r="Z85" s="28"/>
      <c r="AA85" s="28"/>
      <c r="AB85" s="28"/>
      <c r="AC85" s="28"/>
      <c r="AD85" s="31"/>
    </row>
    <row r="86" spans="1:30" ht="30" customHeight="1" x14ac:dyDescent="0.4">
      <c r="A86" s="41">
        <v>82</v>
      </c>
      <c r="B86" s="24"/>
      <c r="C86" s="25"/>
      <c r="D86" s="24"/>
      <c r="E86" s="25"/>
      <c r="F86" s="26"/>
      <c r="G86" s="27" t="str">
        <f t="shared" si="2"/>
        <v/>
      </c>
      <c r="H86" s="27"/>
      <c r="I86" s="28"/>
      <c r="J86" s="28"/>
      <c r="K86" s="29"/>
      <c r="L86" s="29"/>
      <c r="M86" s="29"/>
      <c r="N86" s="29"/>
      <c r="O86" s="28"/>
      <c r="P86" s="31"/>
      <c r="Q86" s="28"/>
      <c r="R86" s="26"/>
      <c r="S86" s="28"/>
      <c r="T86" s="28"/>
      <c r="U86" s="28"/>
      <c r="V86" s="28"/>
      <c r="W86" s="28"/>
      <c r="X86" s="26"/>
      <c r="Y86" s="28"/>
      <c r="Z86" s="28"/>
      <c r="AA86" s="28"/>
      <c r="AB86" s="28"/>
      <c r="AC86" s="28"/>
      <c r="AD86" s="31"/>
    </row>
    <row r="87" spans="1:30" ht="30" customHeight="1" x14ac:dyDescent="0.4">
      <c r="A87" s="41">
        <v>83</v>
      </c>
      <c r="B87" s="24"/>
      <c r="C87" s="25"/>
      <c r="D87" s="24"/>
      <c r="E87" s="25"/>
      <c r="F87" s="26"/>
      <c r="G87" s="27" t="str">
        <f t="shared" si="2"/>
        <v/>
      </c>
      <c r="H87" s="27"/>
      <c r="I87" s="28"/>
      <c r="J87" s="28"/>
      <c r="K87" s="29"/>
      <c r="L87" s="29"/>
      <c r="M87" s="29"/>
      <c r="N87" s="29"/>
      <c r="O87" s="28"/>
      <c r="P87" s="31"/>
      <c r="Q87" s="28"/>
      <c r="R87" s="26"/>
      <c r="S87" s="28"/>
      <c r="T87" s="28"/>
      <c r="U87" s="28"/>
      <c r="V87" s="28"/>
      <c r="W87" s="28"/>
      <c r="X87" s="26"/>
      <c r="Y87" s="28"/>
      <c r="Z87" s="28"/>
      <c r="AA87" s="28"/>
      <c r="AB87" s="28"/>
      <c r="AC87" s="28"/>
      <c r="AD87" s="31"/>
    </row>
    <row r="88" spans="1:30" ht="30" customHeight="1" x14ac:dyDescent="0.4">
      <c r="A88" s="41">
        <v>84</v>
      </c>
      <c r="B88" s="24"/>
      <c r="C88" s="25"/>
      <c r="D88" s="24"/>
      <c r="E88" s="25"/>
      <c r="F88" s="26"/>
      <c r="G88" s="27" t="str">
        <f t="shared" si="2"/>
        <v/>
      </c>
      <c r="H88" s="27"/>
      <c r="I88" s="28"/>
      <c r="J88" s="28"/>
      <c r="K88" s="29"/>
      <c r="L88" s="29"/>
      <c r="M88" s="29"/>
      <c r="N88" s="29"/>
      <c r="O88" s="28"/>
      <c r="P88" s="31"/>
      <c r="Q88" s="28"/>
      <c r="R88" s="26"/>
      <c r="S88" s="28"/>
      <c r="T88" s="28"/>
      <c r="U88" s="28"/>
      <c r="V88" s="28"/>
      <c r="W88" s="28"/>
      <c r="X88" s="26"/>
      <c r="Y88" s="28"/>
      <c r="Z88" s="28"/>
      <c r="AA88" s="28"/>
      <c r="AB88" s="28"/>
      <c r="AC88" s="28"/>
      <c r="AD88" s="31"/>
    </row>
    <row r="89" spans="1:30" ht="30" customHeight="1" x14ac:dyDescent="0.4">
      <c r="A89" s="41">
        <v>85</v>
      </c>
      <c r="B89" s="24"/>
      <c r="C89" s="25"/>
      <c r="D89" s="24"/>
      <c r="E89" s="25"/>
      <c r="F89" s="26"/>
      <c r="G89" s="27" t="str">
        <f t="shared" si="2"/>
        <v/>
      </c>
      <c r="H89" s="27"/>
      <c r="I89" s="28"/>
      <c r="J89" s="28"/>
      <c r="K89" s="29"/>
      <c r="L89" s="29"/>
      <c r="M89" s="29"/>
      <c r="N89" s="29"/>
      <c r="O89" s="28"/>
      <c r="P89" s="31"/>
      <c r="Q89" s="28"/>
      <c r="R89" s="26"/>
      <c r="S89" s="28"/>
      <c r="T89" s="28"/>
      <c r="U89" s="28"/>
      <c r="V89" s="28"/>
      <c r="W89" s="28"/>
      <c r="X89" s="26"/>
      <c r="Y89" s="28"/>
      <c r="Z89" s="28"/>
      <c r="AA89" s="28"/>
      <c r="AB89" s="28"/>
      <c r="AC89" s="28"/>
      <c r="AD89" s="31"/>
    </row>
    <row r="90" spans="1:30" ht="30" customHeight="1" x14ac:dyDescent="0.4">
      <c r="A90" s="41">
        <v>86</v>
      </c>
      <c r="B90" s="24"/>
      <c r="C90" s="25"/>
      <c r="D90" s="24"/>
      <c r="E90" s="25"/>
      <c r="F90" s="26"/>
      <c r="G90" s="27" t="str">
        <f t="shared" si="2"/>
        <v/>
      </c>
      <c r="H90" s="27"/>
      <c r="I90" s="28"/>
      <c r="J90" s="28"/>
      <c r="K90" s="29"/>
      <c r="L90" s="29"/>
      <c r="M90" s="29"/>
      <c r="N90" s="29"/>
      <c r="O90" s="28"/>
      <c r="P90" s="31"/>
      <c r="Q90" s="28"/>
      <c r="R90" s="26"/>
      <c r="S90" s="28"/>
      <c r="T90" s="28"/>
      <c r="U90" s="28"/>
      <c r="V90" s="28"/>
      <c r="W90" s="28"/>
      <c r="X90" s="26"/>
      <c r="Y90" s="28"/>
      <c r="Z90" s="28"/>
      <c r="AA90" s="28"/>
      <c r="AB90" s="28"/>
      <c r="AC90" s="28"/>
      <c r="AD90" s="31"/>
    </row>
    <row r="91" spans="1:30" ht="30" customHeight="1" x14ac:dyDescent="0.4">
      <c r="A91" s="41">
        <v>87</v>
      </c>
      <c r="B91" s="24"/>
      <c r="C91" s="25"/>
      <c r="D91" s="24"/>
      <c r="E91" s="25"/>
      <c r="F91" s="26"/>
      <c r="G91" s="27" t="str">
        <f t="shared" si="2"/>
        <v/>
      </c>
      <c r="H91" s="27"/>
      <c r="I91" s="28"/>
      <c r="J91" s="28"/>
      <c r="K91" s="29"/>
      <c r="L91" s="29"/>
      <c r="M91" s="29"/>
      <c r="N91" s="29"/>
      <c r="O91" s="28"/>
      <c r="P91" s="31"/>
      <c r="Q91" s="28"/>
      <c r="R91" s="26"/>
      <c r="S91" s="28"/>
      <c r="T91" s="28"/>
      <c r="U91" s="28"/>
      <c r="V91" s="28"/>
      <c r="W91" s="28"/>
      <c r="X91" s="26"/>
      <c r="Y91" s="28"/>
      <c r="Z91" s="28"/>
      <c r="AA91" s="28"/>
      <c r="AB91" s="28"/>
      <c r="AC91" s="28"/>
      <c r="AD91" s="31"/>
    </row>
    <row r="92" spans="1:30" ht="30" customHeight="1" x14ac:dyDescent="0.4">
      <c r="A92" s="41">
        <v>88</v>
      </c>
      <c r="B92" s="24"/>
      <c r="C92" s="25"/>
      <c r="D92" s="24"/>
      <c r="E92" s="25"/>
      <c r="F92" s="26"/>
      <c r="G92" s="27" t="str">
        <f t="shared" si="2"/>
        <v/>
      </c>
      <c r="H92" s="27"/>
      <c r="I92" s="28"/>
      <c r="J92" s="28"/>
      <c r="K92" s="29"/>
      <c r="L92" s="29"/>
      <c r="M92" s="29"/>
      <c r="N92" s="29"/>
      <c r="O92" s="28"/>
      <c r="P92" s="31"/>
      <c r="Q92" s="28"/>
      <c r="R92" s="26"/>
      <c r="S92" s="28"/>
      <c r="T92" s="28"/>
      <c r="U92" s="28"/>
      <c r="V92" s="28"/>
      <c r="W92" s="28"/>
      <c r="X92" s="26"/>
      <c r="Y92" s="28"/>
      <c r="Z92" s="28"/>
      <c r="AA92" s="28"/>
      <c r="AB92" s="28"/>
      <c r="AC92" s="28"/>
      <c r="AD92" s="31"/>
    </row>
    <row r="93" spans="1:30" ht="30" customHeight="1" x14ac:dyDescent="0.4">
      <c r="A93" s="41">
        <v>89</v>
      </c>
      <c r="B93" s="24"/>
      <c r="C93" s="25"/>
      <c r="D93" s="24"/>
      <c r="E93" s="25"/>
      <c r="F93" s="26"/>
      <c r="G93" s="27" t="str">
        <f t="shared" si="2"/>
        <v/>
      </c>
      <c r="H93" s="27"/>
      <c r="I93" s="28"/>
      <c r="J93" s="28"/>
      <c r="K93" s="29"/>
      <c r="L93" s="29"/>
      <c r="M93" s="29"/>
      <c r="N93" s="29"/>
      <c r="O93" s="28"/>
      <c r="P93" s="31"/>
      <c r="Q93" s="28"/>
      <c r="R93" s="26"/>
      <c r="S93" s="28"/>
      <c r="T93" s="28"/>
      <c r="U93" s="28"/>
      <c r="V93" s="28"/>
      <c r="W93" s="28"/>
      <c r="X93" s="26"/>
      <c r="Y93" s="28"/>
      <c r="Z93" s="28"/>
      <c r="AA93" s="28"/>
      <c r="AB93" s="28"/>
      <c r="AC93" s="28"/>
      <c r="AD93" s="31"/>
    </row>
    <row r="94" spans="1:30" ht="30" customHeight="1" x14ac:dyDescent="0.4">
      <c r="A94" s="41">
        <v>90</v>
      </c>
      <c r="B94" s="24"/>
      <c r="C94" s="25"/>
      <c r="D94" s="24"/>
      <c r="E94" s="25"/>
      <c r="F94" s="26"/>
      <c r="G94" s="27" t="str">
        <f t="shared" si="2"/>
        <v/>
      </c>
      <c r="H94" s="27"/>
      <c r="I94" s="28"/>
      <c r="J94" s="28"/>
      <c r="K94" s="29"/>
      <c r="L94" s="29"/>
      <c r="M94" s="29"/>
      <c r="N94" s="29"/>
      <c r="O94" s="28"/>
      <c r="P94" s="31"/>
      <c r="Q94" s="28"/>
      <c r="R94" s="26"/>
      <c r="S94" s="28"/>
      <c r="T94" s="28"/>
      <c r="U94" s="28"/>
      <c r="V94" s="28"/>
      <c r="W94" s="28"/>
      <c r="X94" s="26"/>
      <c r="Y94" s="28"/>
      <c r="Z94" s="28"/>
      <c r="AA94" s="28"/>
      <c r="AB94" s="28"/>
      <c r="AC94" s="28"/>
      <c r="AD94" s="31"/>
    </row>
    <row r="95" spans="1:30" ht="30" customHeight="1" x14ac:dyDescent="0.4">
      <c r="A95" s="41">
        <v>91</v>
      </c>
      <c r="B95" s="24"/>
      <c r="C95" s="25"/>
      <c r="D95" s="24"/>
      <c r="E95" s="25"/>
      <c r="F95" s="26"/>
      <c r="G95" s="27" t="str">
        <f t="shared" si="2"/>
        <v/>
      </c>
      <c r="H95" s="27"/>
      <c r="I95" s="28"/>
      <c r="J95" s="28"/>
      <c r="K95" s="29"/>
      <c r="L95" s="29"/>
      <c r="M95" s="29"/>
      <c r="N95" s="29"/>
      <c r="O95" s="28"/>
      <c r="P95" s="31"/>
      <c r="Q95" s="28"/>
      <c r="R95" s="26"/>
      <c r="S95" s="28"/>
      <c r="T95" s="28"/>
      <c r="U95" s="28"/>
      <c r="V95" s="28"/>
      <c r="W95" s="28"/>
      <c r="X95" s="26"/>
      <c r="Y95" s="28"/>
      <c r="Z95" s="28"/>
      <c r="AA95" s="28"/>
      <c r="AB95" s="28"/>
      <c r="AC95" s="28"/>
      <c r="AD95" s="31"/>
    </row>
    <row r="96" spans="1:30" ht="30" customHeight="1" x14ac:dyDescent="0.4">
      <c r="A96" s="41">
        <v>92</v>
      </c>
      <c r="B96" s="24"/>
      <c r="C96" s="25"/>
      <c r="D96" s="24"/>
      <c r="E96" s="25"/>
      <c r="F96" s="26"/>
      <c r="G96" s="27" t="str">
        <f t="shared" si="2"/>
        <v/>
      </c>
      <c r="H96" s="27"/>
      <c r="I96" s="28"/>
      <c r="J96" s="28"/>
      <c r="K96" s="29"/>
      <c r="L96" s="29"/>
      <c r="M96" s="29"/>
      <c r="N96" s="29"/>
      <c r="O96" s="28"/>
      <c r="P96" s="31"/>
      <c r="Q96" s="28"/>
      <c r="R96" s="26"/>
      <c r="S96" s="28"/>
      <c r="T96" s="28"/>
      <c r="U96" s="28"/>
      <c r="V96" s="28"/>
      <c r="W96" s="28"/>
      <c r="X96" s="26"/>
      <c r="Y96" s="28"/>
      <c r="Z96" s="28"/>
      <c r="AA96" s="28"/>
      <c r="AB96" s="28"/>
      <c r="AC96" s="28"/>
      <c r="AD96" s="31"/>
    </row>
    <row r="97" spans="1:30" ht="30" customHeight="1" x14ac:dyDescent="0.4">
      <c r="A97" s="41">
        <v>93</v>
      </c>
      <c r="B97" s="24"/>
      <c r="C97" s="25"/>
      <c r="D97" s="24"/>
      <c r="E97" s="25"/>
      <c r="F97" s="26"/>
      <c r="G97" s="27" t="str">
        <f t="shared" si="2"/>
        <v/>
      </c>
      <c r="H97" s="27"/>
      <c r="I97" s="28"/>
      <c r="J97" s="28"/>
      <c r="K97" s="29"/>
      <c r="L97" s="29"/>
      <c r="M97" s="29"/>
      <c r="N97" s="29"/>
      <c r="O97" s="28"/>
      <c r="P97" s="31"/>
      <c r="Q97" s="28"/>
      <c r="R97" s="26"/>
      <c r="S97" s="28"/>
      <c r="T97" s="28"/>
      <c r="U97" s="28"/>
      <c r="V97" s="28"/>
      <c r="W97" s="28"/>
      <c r="X97" s="26"/>
      <c r="Y97" s="28"/>
      <c r="Z97" s="28"/>
      <c r="AA97" s="28"/>
      <c r="AB97" s="28"/>
      <c r="AC97" s="28"/>
      <c r="AD97" s="31"/>
    </row>
    <row r="98" spans="1:30" ht="30" customHeight="1" x14ac:dyDescent="0.4">
      <c r="A98" s="41">
        <v>94</v>
      </c>
      <c r="B98" s="24"/>
      <c r="C98" s="25"/>
      <c r="D98" s="24"/>
      <c r="E98" s="25"/>
      <c r="F98" s="26"/>
      <c r="G98" s="27" t="str">
        <f t="shared" si="2"/>
        <v/>
      </c>
      <c r="H98" s="27"/>
      <c r="I98" s="28"/>
      <c r="J98" s="28"/>
      <c r="K98" s="29"/>
      <c r="L98" s="29"/>
      <c r="M98" s="29"/>
      <c r="N98" s="29"/>
      <c r="O98" s="28"/>
      <c r="P98" s="31"/>
      <c r="Q98" s="28"/>
      <c r="R98" s="26"/>
      <c r="S98" s="28"/>
      <c r="T98" s="28"/>
      <c r="U98" s="28"/>
      <c r="V98" s="28"/>
      <c r="W98" s="28"/>
      <c r="X98" s="26"/>
      <c r="Y98" s="28"/>
      <c r="Z98" s="28"/>
      <c r="AA98" s="28"/>
      <c r="AB98" s="28"/>
      <c r="AC98" s="28"/>
      <c r="AD98" s="31"/>
    </row>
    <row r="99" spans="1:30" ht="30" customHeight="1" x14ac:dyDescent="0.4">
      <c r="A99" s="41">
        <v>95</v>
      </c>
      <c r="B99" s="24"/>
      <c r="C99" s="25"/>
      <c r="D99" s="24"/>
      <c r="E99" s="25"/>
      <c r="F99" s="26"/>
      <c r="G99" s="27" t="str">
        <f t="shared" si="2"/>
        <v/>
      </c>
      <c r="H99" s="27"/>
      <c r="I99" s="28"/>
      <c r="J99" s="28"/>
      <c r="K99" s="29"/>
      <c r="L99" s="29"/>
      <c r="M99" s="29"/>
      <c r="N99" s="29"/>
      <c r="O99" s="28"/>
      <c r="P99" s="31"/>
      <c r="Q99" s="28"/>
      <c r="R99" s="26"/>
      <c r="S99" s="28"/>
      <c r="T99" s="28"/>
      <c r="U99" s="28"/>
      <c r="V99" s="28"/>
      <c r="W99" s="28"/>
      <c r="X99" s="26"/>
      <c r="Y99" s="28"/>
      <c r="Z99" s="28"/>
      <c r="AA99" s="28"/>
      <c r="AB99" s="28"/>
      <c r="AC99" s="28"/>
      <c r="AD99" s="31"/>
    </row>
    <row r="100" spans="1:30" ht="30" customHeight="1" x14ac:dyDescent="0.4">
      <c r="A100" s="41">
        <v>96</v>
      </c>
      <c r="B100" s="24"/>
      <c r="C100" s="25"/>
      <c r="D100" s="24"/>
      <c r="E100" s="25"/>
      <c r="F100" s="26"/>
      <c r="G100" s="27" t="str">
        <f t="shared" si="2"/>
        <v/>
      </c>
      <c r="H100" s="27"/>
      <c r="I100" s="28"/>
      <c r="J100" s="28"/>
      <c r="K100" s="29"/>
      <c r="L100" s="29"/>
      <c r="M100" s="29"/>
      <c r="N100" s="29"/>
      <c r="O100" s="28"/>
      <c r="P100" s="31"/>
      <c r="Q100" s="28"/>
      <c r="R100" s="26"/>
      <c r="S100" s="28"/>
      <c r="T100" s="28"/>
      <c r="U100" s="28"/>
      <c r="V100" s="28"/>
      <c r="W100" s="28"/>
      <c r="X100" s="26"/>
      <c r="Y100" s="28"/>
      <c r="Z100" s="28"/>
      <c r="AA100" s="28"/>
      <c r="AB100" s="28"/>
      <c r="AC100" s="28"/>
      <c r="AD100" s="31"/>
    </row>
    <row r="101" spans="1:30" ht="30" customHeight="1" x14ac:dyDescent="0.4">
      <c r="A101" s="41">
        <v>97</v>
      </c>
      <c r="B101" s="24"/>
      <c r="C101" s="25"/>
      <c r="D101" s="24"/>
      <c r="E101" s="25"/>
      <c r="F101" s="26"/>
      <c r="G101" s="27" t="str">
        <f t="shared" si="2"/>
        <v/>
      </c>
      <c r="H101" s="27"/>
      <c r="I101" s="28"/>
      <c r="J101" s="28"/>
      <c r="K101" s="29"/>
      <c r="L101" s="29"/>
      <c r="M101" s="29"/>
      <c r="N101" s="29"/>
      <c r="O101" s="28"/>
      <c r="P101" s="31"/>
      <c r="Q101" s="28"/>
      <c r="R101" s="26"/>
      <c r="S101" s="28"/>
      <c r="T101" s="28"/>
      <c r="U101" s="28"/>
      <c r="V101" s="28"/>
      <c r="W101" s="28"/>
      <c r="X101" s="26"/>
      <c r="Y101" s="28"/>
      <c r="Z101" s="28"/>
      <c r="AA101" s="28"/>
      <c r="AB101" s="28"/>
      <c r="AC101" s="28"/>
      <c r="AD101" s="31"/>
    </row>
    <row r="102" spans="1:30" ht="30" customHeight="1" x14ac:dyDescent="0.4">
      <c r="A102" s="41">
        <v>98</v>
      </c>
      <c r="B102" s="24"/>
      <c r="C102" s="25"/>
      <c r="D102" s="24"/>
      <c r="E102" s="25"/>
      <c r="F102" s="26"/>
      <c r="G102" s="27" t="str">
        <f t="shared" si="2"/>
        <v/>
      </c>
      <c r="H102" s="27"/>
      <c r="I102" s="28"/>
      <c r="J102" s="28"/>
      <c r="K102" s="29"/>
      <c r="L102" s="29"/>
      <c r="M102" s="29"/>
      <c r="N102" s="29"/>
      <c r="O102" s="28"/>
      <c r="P102" s="31"/>
      <c r="Q102" s="28"/>
      <c r="R102" s="26"/>
      <c r="S102" s="28"/>
      <c r="T102" s="28"/>
      <c r="U102" s="28"/>
      <c r="V102" s="28"/>
      <c r="W102" s="28"/>
      <c r="X102" s="26"/>
      <c r="Y102" s="28"/>
      <c r="Z102" s="28"/>
      <c r="AA102" s="28"/>
      <c r="AB102" s="28"/>
      <c r="AC102" s="28"/>
      <c r="AD102" s="31"/>
    </row>
    <row r="103" spans="1:30" ht="30" customHeight="1" x14ac:dyDescent="0.4">
      <c r="A103" s="41">
        <v>99</v>
      </c>
      <c r="B103" s="24"/>
      <c r="C103" s="25"/>
      <c r="D103" s="24"/>
      <c r="E103" s="25"/>
      <c r="F103" s="26"/>
      <c r="G103" s="27" t="str">
        <f t="shared" si="2"/>
        <v/>
      </c>
      <c r="H103" s="27"/>
      <c r="I103" s="28"/>
      <c r="J103" s="28"/>
      <c r="K103" s="29"/>
      <c r="L103" s="29"/>
      <c r="M103" s="29"/>
      <c r="N103" s="29"/>
      <c r="O103" s="28"/>
      <c r="P103" s="31"/>
      <c r="Q103" s="28"/>
      <c r="R103" s="26"/>
      <c r="S103" s="28"/>
      <c r="T103" s="28"/>
      <c r="U103" s="28"/>
      <c r="V103" s="28"/>
      <c r="W103" s="28"/>
      <c r="X103" s="26"/>
      <c r="Y103" s="28"/>
      <c r="Z103" s="28"/>
      <c r="AA103" s="28"/>
      <c r="AB103" s="28"/>
      <c r="AC103" s="28"/>
      <c r="AD103" s="31"/>
    </row>
    <row r="104" spans="1:30" ht="30" customHeight="1" x14ac:dyDescent="0.4">
      <c r="A104" s="41">
        <v>100</v>
      </c>
      <c r="B104" s="24"/>
      <c r="C104" s="25"/>
      <c r="D104" s="24"/>
      <c r="E104" s="25"/>
      <c r="F104" s="26"/>
      <c r="G104" s="27" t="str">
        <f t="shared" ref="G104:G135" si="3">IF(F104="","",DATEDIF(F104,$F$2,"Y"))</f>
        <v/>
      </c>
      <c r="H104" s="27"/>
      <c r="I104" s="28"/>
      <c r="J104" s="28"/>
      <c r="K104" s="29"/>
      <c r="L104" s="29"/>
      <c r="M104" s="29"/>
      <c r="N104" s="29"/>
      <c r="O104" s="28"/>
      <c r="P104" s="31"/>
      <c r="Q104" s="28"/>
      <c r="R104" s="26"/>
      <c r="S104" s="28"/>
      <c r="T104" s="28"/>
      <c r="U104" s="28"/>
      <c r="V104" s="28"/>
      <c r="W104" s="28"/>
      <c r="X104" s="26"/>
      <c r="Y104" s="28"/>
      <c r="Z104" s="28"/>
      <c r="AA104" s="28"/>
      <c r="AB104" s="28"/>
      <c r="AC104" s="28"/>
      <c r="AD104" s="31"/>
    </row>
    <row r="105" spans="1:30" ht="30" customHeight="1" x14ac:dyDescent="0.4">
      <c r="A105" s="41">
        <v>101</v>
      </c>
      <c r="B105" s="24"/>
      <c r="C105" s="25"/>
      <c r="D105" s="24"/>
      <c r="E105" s="25"/>
      <c r="F105" s="26"/>
      <c r="G105" s="27" t="str">
        <f t="shared" si="3"/>
        <v/>
      </c>
      <c r="H105" s="27"/>
      <c r="I105" s="28"/>
      <c r="J105" s="28"/>
      <c r="K105" s="29"/>
      <c r="L105" s="29"/>
      <c r="M105" s="29"/>
      <c r="N105" s="29"/>
      <c r="O105" s="28"/>
      <c r="P105" s="31"/>
      <c r="Q105" s="28"/>
      <c r="R105" s="26"/>
      <c r="S105" s="28"/>
      <c r="T105" s="28"/>
      <c r="U105" s="28"/>
      <c r="V105" s="28"/>
      <c r="W105" s="28"/>
      <c r="X105" s="26"/>
      <c r="Y105" s="28"/>
      <c r="Z105" s="28"/>
      <c r="AA105" s="28"/>
      <c r="AB105" s="28"/>
      <c r="AC105" s="28"/>
      <c r="AD105" s="31"/>
    </row>
    <row r="106" spans="1:30" ht="30" customHeight="1" x14ac:dyDescent="0.4">
      <c r="A106" s="41">
        <v>102</v>
      </c>
      <c r="B106" s="24"/>
      <c r="C106" s="25"/>
      <c r="D106" s="24"/>
      <c r="E106" s="25"/>
      <c r="F106" s="26"/>
      <c r="G106" s="27" t="str">
        <f t="shared" si="3"/>
        <v/>
      </c>
      <c r="H106" s="27"/>
      <c r="I106" s="28"/>
      <c r="J106" s="28"/>
      <c r="K106" s="29"/>
      <c r="L106" s="29"/>
      <c r="M106" s="29"/>
      <c r="N106" s="29"/>
      <c r="O106" s="28"/>
      <c r="P106" s="31"/>
      <c r="Q106" s="28"/>
      <c r="R106" s="26"/>
      <c r="S106" s="28"/>
      <c r="T106" s="28"/>
      <c r="U106" s="28"/>
      <c r="V106" s="28"/>
      <c r="W106" s="28"/>
      <c r="X106" s="26"/>
      <c r="Y106" s="28"/>
      <c r="Z106" s="28"/>
      <c r="AA106" s="28"/>
      <c r="AB106" s="28"/>
      <c r="AC106" s="28"/>
      <c r="AD106" s="31"/>
    </row>
    <row r="107" spans="1:30" ht="30" customHeight="1" x14ac:dyDescent="0.4">
      <c r="A107" s="41">
        <v>103</v>
      </c>
      <c r="B107" s="24"/>
      <c r="C107" s="25"/>
      <c r="D107" s="24"/>
      <c r="E107" s="25"/>
      <c r="F107" s="26"/>
      <c r="G107" s="27" t="str">
        <f t="shared" si="3"/>
        <v/>
      </c>
      <c r="H107" s="27"/>
      <c r="I107" s="28"/>
      <c r="J107" s="28"/>
      <c r="K107" s="29"/>
      <c r="L107" s="29"/>
      <c r="M107" s="29"/>
      <c r="N107" s="29"/>
      <c r="O107" s="28"/>
      <c r="P107" s="31"/>
      <c r="Q107" s="28"/>
      <c r="R107" s="26"/>
      <c r="S107" s="28"/>
      <c r="T107" s="28"/>
      <c r="U107" s="28"/>
      <c r="V107" s="28"/>
      <c r="W107" s="28"/>
      <c r="X107" s="26"/>
      <c r="Y107" s="28"/>
      <c r="Z107" s="28"/>
      <c r="AA107" s="28"/>
      <c r="AB107" s="28"/>
      <c r="AC107" s="28"/>
      <c r="AD107" s="31"/>
    </row>
    <row r="108" spans="1:30" ht="30" customHeight="1" x14ac:dyDescent="0.4">
      <c r="A108" s="41">
        <v>104</v>
      </c>
      <c r="B108" s="24"/>
      <c r="C108" s="25"/>
      <c r="D108" s="24"/>
      <c r="E108" s="25"/>
      <c r="F108" s="26"/>
      <c r="G108" s="27" t="str">
        <f t="shared" si="3"/>
        <v/>
      </c>
      <c r="H108" s="27"/>
      <c r="I108" s="28"/>
      <c r="J108" s="28"/>
      <c r="K108" s="29"/>
      <c r="L108" s="29"/>
      <c r="M108" s="29"/>
      <c r="N108" s="29"/>
      <c r="O108" s="28"/>
      <c r="P108" s="31"/>
      <c r="Q108" s="28"/>
      <c r="R108" s="26"/>
      <c r="S108" s="28"/>
      <c r="T108" s="28"/>
      <c r="U108" s="28"/>
      <c r="V108" s="28"/>
      <c r="W108" s="28"/>
      <c r="X108" s="26"/>
      <c r="Y108" s="28"/>
      <c r="Z108" s="28"/>
      <c r="AA108" s="28"/>
      <c r="AB108" s="28"/>
      <c r="AC108" s="28"/>
      <c r="AD108" s="31"/>
    </row>
    <row r="109" spans="1:30" ht="30" customHeight="1" x14ac:dyDescent="0.4">
      <c r="A109" s="41">
        <v>105</v>
      </c>
      <c r="B109" s="24"/>
      <c r="C109" s="25"/>
      <c r="D109" s="24"/>
      <c r="E109" s="25"/>
      <c r="F109" s="26"/>
      <c r="G109" s="27" t="str">
        <f t="shared" si="3"/>
        <v/>
      </c>
      <c r="H109" s="27"/>
      <c r="I109" s="28"/>
      <c r="J109" s="28"/>
      <c r="K109" s="29"/>
      <c r="L109" s="29"/>
      <c r="M109" s="29"/>
      <c r="N109" s="29"/>
      <c r="O109" s="28"/>
      <c r="P109" s="31"/>
      <c r="Q109" s="28"/>
      <c r="R109" s="26"/>
      <c r="S109" s="28"/>
      <c r="T109" s="28"/>
      <c r="U109" s="28"/>
      <c r="V109" s="28"/>
      <c r="W109" s="28"/>
      <c r="X109" s="26"/>
      <c r="Y109" s="28"/>
      <c r="Z109" s="28"/>
      <c r="AA109" s="28"/>
      <c r="AB109" s="28"/>
      <c r="AC109" s="28"/>
      <c r="AD109" s="31"/>
    </row>
    <row r="110" spans="1:30" ht="30" customHeight="1" x14ac:dyDescent="0.4">
      <c r="A110" s="41">
        <v>106</v>
      </c>
      <c r="B110" s="24"/>
      <c r="C110" s="25"/>
      <c r="D110" s="24"/>
      <c r="E110" s="25"/>
      <c r="F110" s="26"/>
      <c r="G110" s="27" t="str">
        <f t="shared" si="3"/>
        <v/>
      </c>
      <c r="H110" s="27"/>
      <c r="I110" s="28"/>
      <c r="J110" s="28"/>
      <c r="K110" s="29"/>
      <c r="L110" s="29"/>
      <c r="M110" s="29"/>
      <c r="N110" s="29"/>
      <c r="O110" s="28"/>
      <c r="P110" s="31"/>
      <c r="Q110" s="28"/>
      <c r="R110" s="26"/>
      <c r="S110" s="28"/>
      <c r="T110" s="28"/>
      <c r="U110" s="28"/>
      <c r="V110" s="28"/>
      <c r="W110" s="28"/>
      <c r="X110" s="26"/>
      <c r="Y110" s="28"/>
      <c r="Z110" s="28"/>
      <c r="AA110" s="28"/>
      <c r="AB110" s="28"/>
      <c r="AC110" s="28"/>
      <c r="AD110" s="31"/>
    </row>
    <row r="111" spans="1:30" ht="30" customHeight="1" x14ac:dyDescent="0.4">
      <c r="A111" s="41">
        <v>107</v>
      </c>
      <c r="B111" s="24"/>
      <c r="C111" s="25"/>
      <c r="D111" s="24"/>
      <c r="E111" s="25"/>
      <c r="F111" s="26"/>
      <c r="G111" s="27" t="str">
        <f t="shared" si="3"/>
        <v/>
      </c>
      <c r="H111" s="27"/>
      <c r="I111" s="28"/>
      <c r="J111" s="28"/>
      <c r="K111" s="29"/>
      <c r="L111" s="29"/>
      <c r="M111" s="29"/>
      <c r="N111" s="29"/>
      <c r="O111" s="28"/>
      <c r="P111" s="31"/>
      <c r="Q111" s="28"/>
      <c r="R111" s="26"/>
      <c r="S111" s="28"/>
      <c r="T111" s="28"/>
      <c r="U111" s="28"/>
      <c r="V111" s="28"/>
      <c r="W111" s="28"/>
      <c r="X111" s="26"/>
      <c r="Y111" s="28"/>
      <c r="Z111" s="28"/>
      <c r="AA111" s="28"/>
      <c r="AB111" s="28"/>
      <c r="AC111" s="28"/>
      <c r="AD111" s="31"/>
    </row>
    <row r="112" spans="1:30" ht="30" customHeight="1" x14ac:dyDescent="0.4">
      <c r="A112" s="41">
        <v>108</v>
      </c>
      <c r="B112" s="24"/>
      <c r="C112" s="25"/>
      <c r="D112" s="24"/>
      <c r="E112" s="25"/>
      <c r="F112" s="26"/>
      <c r="G112" s="27" t="str">
        <f t="shared" si="3"/>
        <v/>
      </c>
      <c r="H112" s="27"/>
      <c r="I112" s="28"/>
      <c r="J112" s="28"/>
      <c r="K112" s="29"/>
      <c r="L112" s="29"/>
      <c r="M112" s="29"/>
      <c r="N112" s="29"/>
      <c r="O112" s="28"/>
      <c r="P112" s="31"/>
      <c r="Q112" s="28"/>
      <c r="R112" s="26"/>
      <c r="S112" s="28"/>
      <c r="T112" s="28"/>
      <c r="U112" s="28"/>
      <c r="V112" s="28"/>
      <c r="W112" s="28"/>
      <c r="X112" s="26"/>
      <c r="Y112" s="28"/>
      <c r="Z112" s="28"/>
      <c r="AA112" s="28"/>
      <c r="AB112" s="28"/>
      <c r="AC112" s="28"/>
      <c r="AD112" s="31"/>
    </row>
    <row r="113" spans="1:30" ht="30" customHeight="1" x14ac:dyDescent="0.4">
      <c r="A113" s="41">
        <v>109</v>
      </c>
      <c r="B113" s="24"/>
      <c r="C113" s="25"/>
      <c r="D113" s="24"/>
      <c r="E113" s="25"/>
      <c r="F113" s="26"/>
      <c r="G113" s="27" t="str">
        <f t="shared" si="3"/>
        <v/>
      </c>
      <c r="H113" s="27"/>
      <c r="I113" s="28"/>
      <c r="J113" s="28"/>
      <c r="K113" s="29"/>
      <c r="L113" s="29"/>
      <c r="M113" s="29"/>
      <c r="N113" s="29"/>
      <c r="O113" s="28"/>
      <c r="P113" s="31"/>
      <c r="Q113" s="28"/>
      <c r="R113" s="26"/>
      <c r="S113" s="28"/>
      <c r="T113" s="28"/>
      <c r="U113" s="28"/>
      <c r="V113" s="28"/>
      <c r="W113" s="28"/>
      <c r="X113" s="26"/>
      <c r="Y113" s="28"/>
      <c r="Z113" s="28"/>
      <c r="AA113" s="28"/>
      <c r="AB113" s="28"/>
      <c r="AC113" s="28"/>
      <c r="AD113" s="31"/>
    </row>
    <row r="114" spans="1:30" ht="30" customHeight="1" x14ac:dyDescent="0.4">
      <c r="A114" s="41">
        <v>110</v>
      </c>
      <c r="B114" s="24"/>
      <c r="C114" s="25"/>
      <c r="D114" s="24"/>
      <c r="E114" s="25"/>
      <c r="F114" s="26"/>
      <c r="G114" s="27" t="str">
        <f t="shared" si="3"/>
        <v/>
      </c>
      <c r="H114" s="27"/>
      <c r="I114" s="28"/>
      <c r="J114" s="28"/>
      <c r="K114" s="29"/>
      <c r="L114" s="29"/>
      <c r="M114" s="29"/>
      <c r="N114" s="29"/>
      <c r="O114" s="28"/>
      <c r="P114" s="31"/>
      <c r="Q114" s="28"/>
      <c r="R114" s="26"/>
      <c r="S114" s="28"/>
      <c r="T114" s="28"/>
      <c r="U114" s="28"/>
      <c r="V114" s="28"/>
      <c r="W114" s="28"/>
      <c r="X114" s="26"/>
      <c r="Y114" s="28"/>
      <c r="Z114" s="28"/>
      <c r="AA114" s="28"/>
      <c r="AB114" s="28"/>
      <c r="AC114" s="28"/>
      <c r="AD114" s="31"/>
    </row>
    <row r="115" spans="1:30" ht="30" customHeight="1" x14ac:dyDescent="0.4">
      <c r="A115" s="41">
        <v>111</v>
      </c>
      <c r="B115" s="24"/>
      <c r="C115" s="25"/>
      <c r="D115" s="24"/>
      <c r="E115" s="25"/>
      <c r="F115" s="26"/>
      <c r="G115" s="27" t="str">
        <f t="shared" si="3"/>
        <v/>
      </c>
      <c r="H115" s="27"/>
      <c r="I115" s="28"/>
      <c r="J115" s="28"/>
      <c r="K115" s="29"/>
      <c r="L115" s="29"/>
      <c r="M115" s="29"/>
      <c r="N115" s="29"/>
      <c r="O115" s="28"/>
      <c r="P115" s="31"/>
      <c r="Q115" s="28"/>
      <c r="R115" s="26"/>
      <c r="S115" s="28"/>
      <c r="T115" s="28"/>
      <c r="U115" s="28"/>
      <c r="V115" s="28"/>
      <c r="W115" s="28"/>
      <c r="X115" s="26"/>
      <c r="Y115" s="28"/>
      <c r="Z115" s="28"/>
      <c r="AA115" s="28"/>
      <c r="AB115" s="28"/>
      <c r="AC115" s="28"/>
      <c r="AD115" s="31"/>
    </row>
    <row r="116" spans="1:30" ht="30" customHeight="1" x14ac:dyDescent="0.4">
      <c r="A116" s="41">
        <v>112</v>
      </c>
      <c r="B116" s="24"/>
      <c r="C116" s="25"/>
      <c r="D116" s="24"/>
      <c r="E116" s="25"/>
      <c r="F116" s="26"/>
      <c r="G116" s="27" t="str">
        <f t="shared" si="3"/>
        <v/>
      </c>
      <c r="H116" s="27"/>
      <c r="I116" s="28"/>
      <c r="J116" s="28"/>
      <c r="K116" s="29"/>
      <c r="L116" s="29"/>
      <c r="M116" s="29"/>
      <c r="N116" s="29"/>
      <c r="O116" s="28"/>
      <c r="P116" s="31"/>
      <c r="Q116" s="28"/>
      <c r="R116" s="26"/>
      <c r="S116" s="28"/>
      <c r="T116" s="28"/>
      <c r="U116" s="28"/>
      <c r="V116" s="28"/>
      <c r="W116" s="28"/>
      <c r="X116" s="26"/>
      <c r="Y116" s="28"/>
      <c r="Z116" s="28"/>
      <c r="AA116" s="28"/>
      <c r="AB116" s="28"/>
      <c r="AC116" s="28"/>
      <c r="AD116" s="31"/>
    </row>
    <row r="117" spans="1:30" ht="30" customHeight="1" x14ac:dyDescent="0.4">
      <c r="A117" s="41">
        <v>113</v>
      </c>
      <c r="B117" s="24"/>
      <c r="C117" s="25"/>
      <c r="D117" s="24"/>
      <c r="E117" s="25"/>
      <c r="F117" s="26"/>
      <c r="G117" s="27" t="str">
        <f t="shared" si="3"/>
        <v/>
      </c>
      <c r="H117" s="27"/>
      <c r="I117" s="28"/>
      <c r="J117" s="28"/>
      <c r="K117" s="29"/>
      <c r="L117" s="29"/>
      <c r="M117" s="29"/>
      <c r="N117" s="29"/>
      <c r="O117" s="28"/>
      <c r="P117" s="31"/>
      <c r="Q117" s="28"/>
      <c r="R117" s="26"/>
      <c r="S117" s="28"/>
      <c r="T117" s="28"/>
      <c r="U117" s="28"/>
      <c r="V117" s="28"/>
      <c r="W117" s="28"/>
      <c r="X117" s="26"/>
      <c r="Y117" s="28"/>
      <c r="Z117" s="28"/>
      <c r="AA117" s="28"/>
      <c r="AB117" s="28"/>
      <c r="AC117" s="28"/>
      <c r="AD117" s="31"/>
    </row>
    <row r="118" spans="1:30" ht="30" customHeight="1" x14ac:dyDescent="0.4">
      <c r="A118" s="41">
        <v>114</v>
      </c>
      <c r="B118" s="24"/>
      <c r="C118" s="25"/>
      <c r="D118" s="24"/>
      <c r="E118" s="25"/>
      <c r="F118" s="26"/>
      <c r="G118" s="27" t="str">
        <f t="shared" si="3"/>
        <v/>
      </c>
      <c r="H118" s="27"/>
      <c r="I118" s="28"/>
      <c r="J118" s="28"/>
      <c r="K118" s="29"/>
      <c r="L118" s="29"/>
      <c r="M118" s="29"/>
      <c r="N118" s="29"/>
      <c r="O118" s="28"/>
      <c r="P118" s="31"/>
      <c r="Q118" s="28"/>
      <c r="R118" s="26"/>
      <c r="S118" s="28"/>
      <c r="T118" s="28"/>
      <c r="U118" s="28"/>
      <c r="V118" s="28"/>
      <c r="W118" s="28"/>
      <c r="X118" s="26"/>
      <c r="Y118" s="28"/>
      <c r="Z118" s="28"/>
      <c r="AA118" s="28"/>
      <c r="AB118" s="28"/>
      <c r="AC118" s="28"/>
      <c r="AD118" s="31"/>
    </row>
    <row r="119" spans="1:30" ht="30" customHeight="1" x14ac:dyDescent="0.4">
      <c r="A119" s="41">
        <v>115</v>
      </c>
      <c r="B119" s="24"/>
      <c r="C119" s="25"/>
      <c r="D119" s="24"/>
      <c r="E119" s="25"/>
      <c r="F119" s="26"/>
      <c r="G119" s="27" t="str">
        <f t="shared" si="3"/>
        <v/>
      </c>
      <c r="H119" s="27"/>
      <c r="I119" s="28"/>
      <c r="J119" s="28"/>
      <c r="K119" s="29"/>
      <c r="L119" s="29"/>
      <c r="M119" s="29"/>
      <c r="N119" s="29"/>
      <c r="O119" s="28"/>
      <c r="P119" s="31"/>
      <c r="Q119" s="28"/>
      <c r="R119" s="26"/>
      <c r="S119" s="28"/>
      <c r="T119" s="28"/>
      <c r="U119" s="28"/>
      <c r="V119" s="28"/>
      <c r="W119" s="28"/>
      <c r="X119" s="26"/>
      <c r="Y119" s="28"/>
      <c r="Z119" s="28"/>
      <c r="AA119" s="28"/>
      <c r="AB119" s="28"/>
      <c r="AC119" s="28"/>
      <c r="AD119" s="31"/>
    </row>
    <row r="120" spans="1:30" ht="30" customHeight="1" x14ac:dyDescent="0.4">
      <c r="A120" s="41">
        <v>116</v>
      </c>
      <c r="B120" s="24"/>
      <c r="C120" s="25"/>
      <c r="D120" s="24"/>
      <c r="E120" s="25"/>
      <c r="F120" s="26"/>
      <c r="G120" s="27" t="str">
        <f t="shared" si="3"/>
        <v/>
      </c>
      <c r="H120" s="27"/>
      <c r="I120" s="28"/>
      <c r="J120" s="28"/>
      <c r="K120" s="29"/>
      <c r="L120" s="29"/>
      <c r="M120" s="29"/>
      <c r="N120" s="29"/>
      <c r="O120" s="28"/>
      <c r="P120" s="31"/>
      <c r="Q120" s="28"/>
      <c r="R120" s="26"/>
      <c r="S120" s="28"/>
      <c r="T120" s="28"/>
      <c r="U120" s="28"/>
      <c r="V120" s="28"/>
      <c r="W120" s="28"/>
      <c r="X120" s="26"/>
      <c r="Y120" s="28"/>
      <c r="Z120" s="28"/>
      <c r="AA120" s="28"/>
      <c r="AB120" s="28"/>
      <c r="AC120" s="28"/>
      <c r="AD120" s="31"/>
    </row>
    <row r="121" spans="1:30" ht="30" customHeight="1" x14ac:dyDescent="0.4">
      <c r="A121" s="41">
        <v>117</v>
      </c>
      <c r="B121" s="24"/>
      <c r="C121" s="25"/>
      <c r="D121" s="24"/>
      <c r="E121" s="25"/>
      <c r="F121" s="26"/>
      <c r="G121" s="27" t="str">
        <f t="shared" si="3"/>
        <v/>
      </c>
      <c r="H121" s="27"/>
      <c r="I121" s="28"/>
      <c r="J121" s="28"/>
      <c r="K121" s="29"/>
      <c r="L121" s="29"/>
      <c r="M121" s="29"/>
      <c r="N121" s="29"/>
      <c r="O121" s="28"/>
      <c r="P121" s="31"/>
      <c r="Q121" s="28"/>
      <c r="R121" s="26"/>
      <c r="S121" s="28"/>
      <c r="T121" s="28"/>
      <c r="U121" s="28"/>
      <c r="V121" s="28"/>
      <c r="W121" s="28"/>
      <c r="X121" s="26"/>
      <c r="Y121" s="28"/>
      <c r="Z121" s="28"/>
      <c r="AA121" s="28"/>
      <c r="AB121" s="28"/>
      <c r="AC121" s="28"/>
      <c r="AD121" s="31"/>
    </row>
    <row r="122" spans="1:30" ht="30" customHeight="1" x14ac:dyDescent="0.4">
      <c r="A122" s="41">
        <v>118</v>
      </c>
      <c r="B122" s="24"/>
      <c r="C122" s="25"/>
      <c r="D122" s="24"/>
      <c r="E122" s="25"/>
      <c r="F122" s="26"/>
      <c r="G122" s="27" t="str">
        <f t="shared" si="3"/>
        <v/>
      </c>
      <c r="H122" s="27"/>
      <c r="I122" s="28"/>
      <c r="J122" s="28"/>
      <c r="K122" s="29"/>
      <c r="L122" s="29"/>
      <c r="M122" s="29"/>
      <c r="N122" s="29"/>
      <c r="O122" s="28"/>
      <c r="P122" s="31"/>
      <c r="Q122" s="28"/>
      <c r="R122" s="26"/>
      <c r="S122" s="28"/>
      <c r="T122" s="28"/>
      <c r="U122" s="28"/>
      <c r="V122" s="28"/>
      <c r="W122" s="28"/>
      <c r="X122" s="26"/>
      <c r="Y122" s="28"/>
      <c r="Z122" s="28"/>
      <c r="AA122" s="28"/>
      <c r="AB122" s="28"/>
      <c r="AC122" s="28"/>
      <c r="AD122" s="31"/>
    </row>
    <row r="123" spans="1:30" ht="30" customHeight="1" x14ac:dyDescent="0.4">
      <c r="A123" s="41">
        <v>119</v>
      </c>
      <c r="B123" s="24"/>
      <c r="C123" s="25"/>
      <c r="D123" s="24"/>
      <c r="E123" s="25"/>
      <c r="F123" s="26"/>
      <c r="G123" s="27" t="str">
        <f t="shared" si="3"/>
        <v/>
      </c>
      <c r="H123" s="27"/>
      <c r="I123" s="28"/>
      <c r="J123" s="28"/>
      <c r="K123" s="29"/>
      <c r="L123" s="29"/>
      <c r="M123" s="29"/>
      <c r="N123" s="29"/>
      <c r="O123" s="28"/>
      <c r="P123" s="31"/>
      <c r="Q123" s="28"/>
      <c r="R123" s="26"/>
      <c r="S123" s="28"/>
      <c r="T123" s="28"/>
      <c r="U123" s="28"/>
      <c r="V123" s="28"/>
      <c r="W123" s="28"/>
      <c r="X123" s="26"/>
      <c r="Y123" s="28"/>
      <c r="Z123" s="28"/>
      <c r="AA123" s="28"/>
      <c r="AB123" s="28"/>
      <c r="AC123" s="28"/>
      <c r="AD123" s="31"/>
    </row>
    <row r="124" spans="1:30" ht="30" customHeight="1" x14ac:dyDescent="0.4">
      <c r="A124" s="41">
        <v>120</v>
      </c>
      <c r="B124" s="24"/>
      <c r="C124" s="25"/>
      <c r="D124" s="24"/>
      <c r="E124" s="25"/>
      <c r="F124" s="26"/>
      <c r="G124" s="27" t="str">
        <f t="shared" si="3"/>
        <v/>
      </c>
      <c r="H124" s="27"/>
      <c r="I124" s="28"/>
      <c r="J124" s="28"/>
      <c r="K124" s="29"/>
      <c r="L124" s="29"/>
      <c r="M124" s="29"/>
      <c r="N124" s="29"/>
      <c r="O124" s="28"/>
      <c r="P124" s="31"/>
      <c r="Q124" s="28"/>
      <c r="R124" s="26"/>
      <c r="S124" s="28"/>
      <c r="T124" s="28"/>
      <c r="U124" s="28"/>
      <c r="V124" s="28"/>
      <c r="W124" s="28"/>
      <c r="X124" s="26"/>
      <c r="Y124" s="28"/>
      <c r="Z124" s="28"/>
      <c r="AA124" s="28"/>
      <c r="AB124" s="28"/>
      <c r="AC124" s="28"/>
      <c r="AD124" s="31"/>
    </row>
    <row r="125" spans="1:30" ht="30" customHeight="1" x14ac:dyDescent="0.4">
      <c r="A125" s="41">
        <v>121</v>
      </c>
      <c r="B125" s="24"/>
      <c r="C125" s="25"/>
      <c r="D125" s="24"/>
      <c r="E125" s="25"/>
      <c r="F125" s="26"/>
      <c r="G125" s="27" t="str">
        <f t="shared" si="3"/>
        <v/>
      </c>
      <c r="H125" s="27"/>
      <c r="I125" s="28"/>
      <c r="J125" s="28"/>
      <c r="K125" s="29"/>
      <c r="L125" s="29"/>
      <c r="M125" s="29"/>
      <c r="N125" s="29"/>
      <c r="O125" s="28"/>
      <c r="P125" s="31"/>
      <c r="Q125" s="28"/>
      <c r="R125" s="26"/>
      <c r="S125" s="28"/>
      <c r="T125" s="28"/>
      <c r="U125" s="28"/>
      <c r="V125" s="28"/>
      <c r="W125" s="28"/>
      <c r="X125" s="26"/>
      <c r="Y125" s="28"/>
      <c r="Z125" s="28"/>
      <c r="AA125" s="28"/>
      <c r="AB125" s="28"/>
      <c r="AC125" s="28"/>
      <c r="AD125" s="31"/>
    </row>
    <row r="126" spans="1:30" ht="30" customHeight="1" x14ac:dyDescent="0.4">
      <c r="A126" s="41">
        <v>122</v>
      </c>
      <c r="B126" s="24"/>
      <c r="C126" s="25"/>
      <c r="D126" s="24"/>
      <c r="E126" s="25"/>
      <c r="F126" s="26"/>
      <c r="G126" s="27" t="str">
        <f t="shared" si="3"/>
        <v/>
      </c>
      <c r="H126" s="27"/>
      <c r="I126" s="28"/>
      <c r="J126" s="28"/>
      <c r="K126" s="29"/>
      <c r="L126" s="29"/>
      <c r="M126" s="29"/>
      <c r="N126" s="29"/>
      <c r="O126" s="28"/>
      <c r="P126" s="31"/>
      <c r="Q126" s="28"/>
      <c r="R126" s="26"/>
      <c r="S126" s="28"/>
      <c r="T126" s="28"/>
      <c r="U126" s="28"/>
      <c r="V126" s="28"/>
      <c r="W126" s="28"/>
      <c r="X126" s="26"/>
      <c r="Y126" s="28"/>
      <c r="Z126" s="28"/>
      <c r="AA126" s="28"/>
      <c r="AB126" s="28"/>
      <c r="AC126" s="28"/>
      <c r="AD126" s="31"/>
    </row>
    <row r="127" spans="1:30" ht="30" customHeight="1" x14ac:dyDescent="0.4">
      <c r="A127" s="41">
        <v>123</v>
      </c>
      <c r="B127" s="24"/>
      <c r="C127" s="25"/>
      <c r="D127" s="24"/>
      <c r="E127" s="25"/>
      <c r="F127" s="26"/>
      <c r="G127" s="27" t="str">
        <f t="shared" si="3"/>
        <v/>
      </c>
      <c r="H127" s="27"/>
      <c r="I127" s="28"/>
      <c r="J127" s="28"/>
      <c r="K127" s="29"/>
      <c r="L127" s="29"/>
      <c r="M127" s="29"/>
      <c r="N127" s="29"/>
      <c r="O127" s="28"/>
      <c r="P127" s="31"/>
      <c r="Q127" s="28"/>
      <c r="R127" s="26"/>
      <c r="S127" s="28"/>
      <c r="T127" s="28"/>
      <c r="U127" s="28"/>
      <c r="V127" s="28"/>
      <c r="W127" s="28"/>
      <c r="X127" s="26"/>
      <c r="Y127" s="28"/>
      <c r="Z127" s="28"/>
      <c r="AA127" s="28"/>
      <c r="AB127" s="28"/>
      <c r="AC127" s="28"/>
      <c r="AD127" s="31"/>
    </row>
    <row r="128" spans="1:30" ht="30" customHeight="1" x14ac:dyDescent="0.4">
      <c r="A128" s="41">
        <v>124</v>
      </c>
      <c r="B128" s="24"/>
      <c r="C128" s="25"/>
      <c r="D128" s="24"/>
      <c r="E128" s="25"/>
      <c r="F128" s="26"/>
      <c r="G128" s="27" t="str">
        <f t="shared" si="3"/>
        <v/>
      </c>
      <c r="H128" s="27"/>
      <c r="I128" s="28"/>
      <c r="J128" s="28"/>
      <c r="K128" s="29"/>
      <c r="L128" s="29"/>
      <c r="M128" s="29"/>
      <c r="N128" s="29"/>
      <c r="O128" s="28"/>
      <c r="P128" s="31"/>
      <c r="Q128" s="28"/>
      <c r="R128" s="26"/>
      <c r="S128" s="28"/>
      <c r="T128" s="28"/>
      <c r="U128" s="28"/>
      <c r="V128" s="28"/>
      <c r="W128" s="28"/>
      <c r="X128" s="26"/>
      <c r="Y128" s="28"/>
      <c r="Z128" s="28"/>
      <c r="AA128" s="28"/>
      <c r="AB128" s="28"/>
      <c r="AC128" s="28"/>
      <c r="AD128" s="31"/>
    </row>
    <row r="129" spans="1:30" ht="30" customHeight="1" x14ac:dyDescent="0.4">
      <c r="A129" s="41">
        <v>125</v>
      </c>
      <c r="B129" s="24"/>
      <c r="C129" s="25"/>
      <c r="D129" s="24"/>
      <c r="E129" s="25"/>
      <c r="F129" s="26"/>
      <c r="G129" s="27" t="str">
        <f t="shared" si="3"/>
        <v/>
      </c>
      <c r="H129" s="27"/>
      <c r="I129" s="28"/>
      <c r="J129" s="28"/>
      <c r="K129" s="29"/>
      <c r="L129" s="29"/>
      <c r="M129" s="29"/>
      <c r="N129" s="29"/>
      <c r="O129" s="28"/>
      <c r="P129" s="31"/>
      <c r="Q129" s="28"/>
      <c r="R129" s="26"/>
      <c r="S129" s="28"/>
      <c r="T129" s="28"/>
      <c r="U129" s="28"/>
      <c r="V129" s="28"/>
      <c r="W129" s="28"/>
      <c r="X129" s="26"/>
      <c r="Y129" s="28"/>
      <c r="Z129" s="28"/>
      <c r="AA129" s="28"/>
      <c r="AB129" s="28"/>
      <c r="AC129" s="28"/>
      <c r="AD129" s="31"/>
    </row>
    <row r="130" spans="1:30" ht="30" customHeight="1" x14ac:dyDescent="0.4">
      <c r="A130" s="41">
        <v>126</v>
      </c>
      <c r="B130" s="24"/>
      <c r="C130" s="25"/>
      <c r="D130" s="24"/>
      <c r="E130" s="25"/>
      <c r="F130" s="26"/>
      <c r="G130" s="27" t="str">
        <f t="shared" si="3"/>
        <v/>
      </c>
      <c r="H130" s="27"/>
      <c r="I130" s="28"/>
      <c r="J130" s="28"/>
      <c r="K130" s="29"/>
      <c r="L130" s="29"/>
      <c r="M130" s="29"/>
      <c r="N130" s="29"/>
      <c r="O130" s="28"/>
      <c r="P130" s="31"/>
      <c r="Q130" s="28"/>
      <c r="R130" s="26"/>
      <c r="S130" s="28"/>
      <c r="T130" s="28"/>
      <c r="U130" s="28"/>
      <c r="V130" s="28"/>
      <c r="W130" s="28"/>
      <c r="X130" s="26"/>
      <c r="Y130" s="28"/>
      <c r="Z130" s="28"/>
      <c r="AA130" s="28"/>
      <c r="AB130" s="28"/>
      <c r="AC130" s="28"/>
      <c r="AD130" s="31"/>
    </row>
    <row r="131" spans="1:30" ht="30" customHeight="1" x14ac:dyDescent="0.4">
      <c r="A131" s="41">
        <v>127</v>
      </c>
      <c r="B131" s="24"/>
      <c r="C131" s="25"/>
      <c r="D131" s="24"/>
      <c r="E131" s="25"/>
      <c r="F131" s="26"/>
      <c r="G131" s="27" t="str">
        <f t="shared" si="3"/>
        <v/>
      </c>
      <c r="H131" s="27"/>
      <c r="I131" s="28"/>
      <c r="J131" s="28"/>
      <c r="K131" s="29"/>
      <c r="L131" s="29"/>
      <c r="M131" s="29"/>
      <c r="N131" s="29"/>
      <c r="O131" s="28"/>
      <c r="P131" s="31"/>
      <c r="Q131" s="28"/>
      <c r="R131" s="26"/>
      <c r="S131" s="28"/>
      <c r="T131" s="28"/>
      <c r="U131" s="28"/>
      <c r="V131" s="28"/>
      <c r="W131" s="28"/>
      <c r="X131" s="26"/>
      <c r="Y131" s="28"/>
      <c r="Z131" s="28"/>
      <c r="AA131" s="28"/>
      <c r="AB131" s="28"/>
      <c r="AC131" s="28"/>
      <c r="AD131" s="31"/>
    </row>
    <row r="132" spans="1:30" ht="30" customHeight="1" x14ac:dyDescent="0.4">
      <c r="A132" s="41">
        <v>128</v>
      </c>
      <c r="B132" s="24"/>
      <c r="C132" s="25"/>
      <c r="D132" s="24"/>
      <c r="E132" s="25"/>
      <c r="F132" s="26"/>
      <c r="G132" s="27" t="str">
        <f t="shared" si="3"/>
        <v/>
      </c>
      <c r="H132" s="27"/>
      <c r="I132" s="28"/>
      <c r="J132" s="28"/>
      <c r="K132" s="29"/>
      <c r="L132" s="29"/>
      <c r="M132" s="29"/>
      <c r="N132" s="29"/>
      <c r="O132" s="28"/>
      <c r="P132" s="31"/>
      <c r="Q132" s="28"/>
      <c r="R132" s="26"/>
      <c r="S132" s="28"/>
      <c r="T132" s="28"/>
      <c r="U132" s="28"/>
      <c r="V132" s="28"/>
      <c r="W132" s="28"/>
      <c r="X132" s="26"/>
      <c r="Y132" s="28"/>
      <c r="Z132" s="28"/>
      <c r="AA132" s="28"/>
      <c r="AB132" s="28"/>
      <c r="AC132" s="28"/>
      <c r="AD132" s="31"/>
    </row>
    <row r="133" spans="1:30" ht="30" customHeight="1" x14ac:dyDescent="0.4">
      <c r="A133" s="41">
        <v>129</v>
      </c>
      <c r="B133" s="24"/>
      <c r="C133" s="25"/>
      <c r="D133" s="24"/>
      <c r="E133" s="25"/>
      <c r="F133" s="26"/>
      <c r="G133" s="27" t="str">
        <f t="shared" si="3"/>
        <v/>
      </c>
      <c r="H133" s="27"/>
      <c r="I133" s="28"/>
      <c r="J133" s="28"/>
      <c r="K133" s="29"/>
      <c r="L133" s="29"/>
      <c r="M133" s="29"/>
      <c r="N133" s="29"/>
      <c r="O133" s="28"/>
      <c r="P133" s="31"/>
      <c r="Q133" s="28"/>
      <c r="R133" s="26"/>
      <c r="S133" s="28"/>
      <c r="T133" s="28"/>
      <c r="U133" s="28"/>
      <c r="V133" s="28"/>
      <c r="W133" s="28"/>
      <c r="X133" s="26"/>
      <c r="Y133" s="28"/>
      <c r="Z133" s="28"/>
      <c r="AA133" s="28"/>
      <c r="AB133" s="28"/>
      <c r="AC133" s="28"/>
      <c r="AD133" s="31"/>
    </row>
    <row r="134" spans="1:30" ht="30" customHeight="1" x14ac:dyDescent="0.4">
      <c r="A134" s="41">
        <v>130</v>
      </c>
      <c r="B134" s="24"/>
      <c r="C134" s="25"/>
      <c r="D134" s="24"/>
      <c r="E134" s="25"/>
      <c r="F134" s="26"/>
      <c r="G134" s="27" t="str">
        <f t="shared" si="3"/>
        <v/>
      </c>
      <c r="H134" s="27"/>
      <c r="I134" s="28"/>
      <c r="J134" s="28"/>
      <c r="K134" s="29"/>
      <c r="L134" s="29"/>
      <c r="M134" s="29"/>
      <c r="N134" s="29"/>
      <c r="O134" s="28"/>
      <c r="P134" s="31"/>
      <c r="Q134" s="28"/>
      <c r="R134" s="26"/>
      <c r="S134" s="28"/>
      <c r="T134" s="28"/>
      <c r="U134" s="28"/>
      <c r="V134" s="28"/>
      <c r="W134" s="28"/>
      <c r="X134" s="26"/>
      <c r="Y134" s="28"/>
      <c r="Z134" s="28"/>
      <c r="AA134" s="28"/>
      <c r="AB134" s="28"/>
      <c r="AC134" s="28"/>
      <c r="AD134" s="31"/>
    </row>
    <row r="135" spans="1:30" ht="30" customHeight="1" x14ac:dyDescent="0.4">
      <c r="A135" s="41">
        <v>131</v>
      </c>
      <c r="B135" s="24"/>
      <c r="C135" s="25"/>
      <c r="D135" s="24"/>
      <c r="E135" s="25"/>
      <c r="F135" s="26"/>
      <c r="G135" s="27" t="str">
        <f t="shared" si="3"/>
        <v/>
      </c>
      <c r="H135" s="27"/>
      <c r="I135" s="28"/>
      <c r="J135" s="28"/>
      <c r="K135" s="29"/>
      <c r="L135" s="29"/>
      <c r="M135" s="29"/>
      <c r="N135" s="29"/>
      <c r="O135" s="28"/>
      <c r="P135" s="31"/>
      <c r="Q135" s="28"/>
      <c r="R135" s="26"/>
      <c r="S135" s="28"/>
      <c r="T135" s="28"/>
      <c r="U135" s="28"/>
      <c r="V135" s="28"/>
      <c r="W135" s="28"/>
      <c r="X135" s="26"/>
      <c r="Y135" s="28"/>
      <c r="Z135" s="28"/>
      <c r="AA135" s="28"/>
      <c r="AB135" s="28"/>
      <c r="AC135" s="28"/>
      <c r="AD135" s="31"/>
    </row>
    <row r="136" spans="1:30" ht="30" customHeight="1" x14ac:dyDescent="0.4">
      <c r="A136" s="41">
        <v>132</v>
      </c>
      <c r="B136" s="24"/>
      <c r="C136" s="25"/>
      <c r="D136" s="24"/>
      <c r="E136" s="25"/>
      <c r="F136" s="26"/>
      <c r="G136" s="27" t="str">
        <f t="shared" ref="G136:G167" si="4">IF(F136="","",DATEDIF(F136,$F$2,"Y"))</f>
        <v/>
      </c>
      <c r="H136" s="27"/>
      <c r="I136" s="28"/>
      <c r="J136" s="28"/>
      <c r="K136" s="29"/>
      <c r="L136" s="29"/>
      <c r="M136" s="29"/>
      <c r="N136" s="29"/>
      <c r="O136" s="28"/>
      <c r="P136" s="31"/>
      <c r="Q136" s="28"/>
      <c r="R136" s="26"/>
      <c r="S136" s="28"/>
      <c r="T136" s="28"/>
      <c r="U136" s="28"/>
      <c r="V136" s="28"/>
      <c r="W136" s="28"/>
      <c r="X136" s="26"/>
      <c r="Y136" s="28"/>
      <c r="Z136" s="28"/>
      <c r="AA136" s="28"/>
      <c r="AB136" s="28"/>
      <c r="AC136" s="28"/>
      <c r="AD136" s="31"/>
    </row>
    <row r="137" spans="1:30" ht="30" customHeight="1" x14ac:dyDescent="0.4">
      <c r="A137" s="41">
        <v>133</v>
      </c>
      <c r="B137" s="24"/>
      <c r="C137" s="25"/>
      <c r="D137" s="24"/>
      <c r="E137" s="25"/>
      <c r="F137" s="26"/>
      <c r="G137" s="27" t="str">
        <f t="shared" si="4"/>
        <v/>
      </c>
      <c r="H137" s="27"/>
      <c r="I137" s="28"/>
      <c r="J137" s="28"/>
      <c r="K137" s="29"/>
      <c r="L137" s="29"/>
      <c r="M137" s="29"/>
      <c r="N137" s="29"/>
      <c r="O137" s="28"/>
      <c r="P137" s="31"/>
      <c r="Q137" s="28"/>
      <c r="R137" s="26"/>
      <c r="S137" s="28"/>
      <c r="T137" s="28"/>
      <c r="U137" s="28"/>
      <c r="V137" s="28"/>
      <c r="W137" s="28"/>
      <c r="X137" s="26"/>
      <c r="Y137" s="28"/>
      <c r="Z137" s="28"/>
      <c r="AA137" s="28"/>
      <c r="AB137" s="28"/>
      <c r="AC137" s="28"/>
      <c r="AD137" s="31"/>
    </row>
    <row r="138" spans="1:30" ht="30" customHeight="1" x14ac:dyDescent="0.4">
      <c r="A138" s="41">
        <v>134</v>
      </c>
      <c r="B138" s="24"/>
      <c r="C138" s="25"/>
      <c r="D138" s="24"/>
      <c r="E138" s="25"/>
      <c r="F138" s="26"/>
      <c r="G138" s="27" t="str">
        <f t="shared" si="4"/>
        <v/>
      </c>
      <c r="H138" s="27"/>
      <c r="I138" s="28"/>
      <c r="J138" s="28"/>
      <c r="K138" s="29"/>
      <c r="L138" s="29"/>
      <c r="M138" s="29"/>
      <c r="N138" s="29"/>
      <c r="O138" s="28"/>
      <c r="P138" s="31"/>
      <c r="Q138" s="28"/>
      <c r="R138" s="26"/>
      <c r="S138" s="28"/>
      <c r="T138" s="28"/>
      <c r="U138" s="28"/>
      <c r="V138" s="28"/>
      <c r="W138" s="28"/>
      <c r="X138" s="26"/>
      <c r="Y138" s="28"/>
      <c r="Z138" s="28"/>
      <c r="AA138" s="28"/>
      <c r="AB138" s="28"/>
      <c r="AC138" s="28"/>
      <c r="AD138" s="31"/>
    </row>
    <row r="139" spans="1:30" ht="30" customHeight="1" x14ac:dyDescent="0.4">
      <c r="A139" s="41">
        <v>135</v>
      </c>
      <c r="B139" s="24"/>
      <c r="C139" s="25"/>
      <c r="D139" s="24"/>
      <c r="E139" s="25"/>
      <c r="F139" s="26"/>
      <c r="G139" s="27" t="str">
        <f t="shared" si="4"/>
        <v/>
      </c>
      <c r="H139" s="27"/>
      <c r="I139" s="28"/>
      <c r="J139" s="28"/>
      <c r="K139" s="29"/>
      <c r="L139" s="29"/>
      <c r="M139" s="29"/>
      <c r="N139" s="29"/>
      <c r="O139" s="28"/>
      <c r="P139" s="31"/>
      <c r="Q139" s="28"/>
      <c r="R139" s="26"/>
      <c r="S139" s="28"/>
      <c r="T139" s="28"/>
      <c r="U139" s="28"/>
      <c r="V139" s="28"/>
      <c r="W139" s="28"/>
      <c r="X139" s="26"/>
      <c r="Y139" s="28"/>
      <c r="Z139" s="28"/>
      <c r="AA139" s="28"/>
      <c r="AB139" s="28"/>
      <c r="AC139" s="28"/>
      <c r="AD139" s="31"/>
    </row>
    <row r="140" spans="1:30" ht="30" customHeight="1" x14ac:dyDescent="0.4">
      <c r="A140" s="41">
        <v>136</v>
      </c>
      <c r="B140" s="24"/>
      <c r="C140" s="25"/>
      <c r="D140" s="24"/>
      <c r="E140" s="25"/>
      <c r="F140" s="26"/>
      <c r="G140" s="27" t="str">
        <f t="shared" si="4"/>
        <v/>
      </c>
      <c r="H140" s="27"/>
      <c r="I140" s="28"/>
      <c r="J140" s="28"/>
      <c r="K140" s="29"/>
      <c r="L140" s="29"/>
      <c r="M140" s="29"/>
      <c r="N140" s="29"/>
      <c r="O140" s="28"/>
      <c r="P140" s="31"/>
      <c r="Q140" s="28"/>
      <c r="R140" s="26"/>
      <c r="S140" s="28"/>
      <c r="T140" s="28"/>
      <c r="U140" s="28"/>
      <c r="V140" s="28"/>
      <c r="W140" s="28"/>
      <c r="X140" s="26"/>
      <c r="Y140" s="28"/>
      <c r="Z140" s="28"/>
      <c r="AA140" s="28"/>
      <c r="AB140" s="28"/>
      <c r="AC140" s="28"/>
      <c r="AD140" s="31"/>
    </row>
    <row r="141" spans="1:30" ht="30" customHeight="1" x14ac:dyDescent="0.4">
      <c r="A141" s="41">
        <v>137</v>
      </c>
      <c r="B141" s="24"/>
      <c r="C141" s="25"/>
      <c r="D141" s="24"/>
      <c r="E141" s="25"/>
      <c r="F141" s="26"/>
      <c r="G141" s="27" t="str">
        <f t="shared" si="4"/>
        <v/>
      </c>
      <c r="H141" s="27"/>
      <c r="I141" s="28"/>
      <c r="J141" s="28"/>
      <c r="K141" s="29"/>
      <c r="L141" s="29"/>
      <c r="M141" s="29"/>
      <c r="N141" s="29"/>
      <c r="O141" s="28"/>
      <c r="P141" s="31"/>
      <c r="Q141" s="28"/>
      <c r="R141" s="26"/>
      <c r="S141" s="28"/>
      <c r="T141" s="28"/>
      <c r="U141" s="28"/>
      <c r="V141" s="28"/>
      <c r="W141" s="28"/>
      <c r="X141" s="26"/>
      <c r="Y141" s="28"/>
      <c r="Z141" s="28"/>
      <c r="AA141" s="28"/>
      <c r="AB141" s="28"/>
      <c r="AC141" s="28"/>
      <c r="AD141" s="31"/>
    </row>
    <row r="142" spans="1:30" ht="30" customHeight="1" x14ac:dyDescent="0.4">
      <c r="A142" s="41">
        <v>138</v>
      </c>
      <c r="B142" s="24"/>
      <c r="C142" s="25"/>
      <c r="D142" s="24"/>
      <c r="E142" s="25"/>
      <c r="F142" s="26"/>
      <c r="G142" s="27" t="str">
        <f t="shared" si="4"/>
        <v/>
      </c>
      <c r="H142" s="27"/>
      <c r="I142" s="28"/>
      <c r="J142" s="28"/>
      <c r="K142" s="29"/>
      <c r="L142" s="29"/>
      <c r="M142" s="29"/>
      <c r="N142" s="29"/>
      <c r="O142" s="28"/>
      <c r="P142" s="31"/>
      <c r="Q142" s="28"/>
      <c r="R142" s="26"/>
      <c r="S142" s="28"/>
      <c r="T142" s="28"/>
      <c r="U142" s="28"/>
      <c r="V142" s="28"/>
      <c r="W142" s="28"/>
      <c r="X142" s="26"/>
      <c r="Y142" s="28"/>
      <c r="Z142" s="28"/>
      <c r="AA142" s="28"/>
      <c r="AB142" s="28"/>
      <c r="AC142" s="28"/>
      <c r="AD142" s="31"/>
    </row>
    <row r="143" spans="1:30" ht="30" customHeight="1" x14ac:dyDescent="0.4">
      <c r="A143" s="41">
        <v>139</v>
      </c>
      <c r="B143" s="24"/>
      <c r="C143" s="25"/>
      <c r="D143" s="24"/>
      <c r="E143" s="25"/>
      <c r="F143" s="26"/>
      <c r="G143" s="27" t="str">
        <f t="shared" si="4"/>
        <v/>
      </c>
      <c r="H143" s="27"/>
      <c r="I143" s="28"/>
      <c r="J143" s="28"/>
      <c r="K143" s="29"/>
      <c r="L143" s="29"/>
      <c r="M143" s="29"/>
      <c r="N143" s="29"/>
      <c r="O143" s="28"/>
      <c r="P143" s="31"/>
      <c r="Q143" s="28"/>
      <c r="R143" s="26"/>
      <c r="S143" s="28"/>
      <c r="T143" s="28"/>
      <c r="U143" s="28"/>
      <c r="V143" s="28"/>
      <c r="W143" s="28"/>
      <c r="X143" s="26"/>
      <c r="Y143" s="28"/>
      <c r="Z143" s="28"/>
      <c r="AA143" s="28"/>
      <c r="AB143" s="28"/>
      <c r="AC143" s="28"/>
      <c r="AD143" s="31"/>
    </row>
    <row r="144" spans="1:30" ht="30" customHeight="1" x14ac:dyDescent="0.4">
      <c r="A144" s="41">
        <v>140</v>
      </c>
      <c r="B144" s="24"/>
      <c r="C144" s="25"/>
      <c r="D144" s="24"/>
      <c r="E144" s="25"/>
      <c r="F144" s="26"/>
      <c r="G144" s="27" t="str">
        <f t="shared" si="4"/>
        <v/>
      </c>
      <c r="H144" s="27"/>
      <c r="I144" s="28"/>
      <c r="J144" s="28"/>
      <c r="K144" s="29"/>
      <c r="L144" s="29"/>
      <c r="M144" s="29"/>
      <c r="N144" s="29"/>
      <c r="O144" s="28"/>
      <c r="P144" s="31"/>
      <c r="Q144" s="28"/>
      <c r="R144" s="26"/>
      <c r="S144" s="28"/>
      <c r="T144" s="28"/>
      <c r="U144" s="28"/>
      <c r="V144" s="28"/>
      <c r="W144" s="28"/>
      <c r="X144" s="26"/>
      <c r="Y144" s="28"/>
      <c r="Z144" s="28"/>
      <c r="AA144" s="28"/>
      <c r="AB144" s="28"/>
      <c r="AC144" s="28"/>
      <c r="AD144" s="31"/>
    </row>
    <row r="145" spans="1:30" ht="30" customHeight="1" x14ac:dyDescent="0.4">
      <c r="A145" s="41">
        <v>141</v>
      </c>
      <c r="B145" s="24"/>
      <c r="C145" s="25"/>
      <c r="D145" s="24"/>
      <c r="E145" s="25"/>
      <c r="F145" s="26"/>
      <c r="G145" s="27" t="str">
        <f t="shared" si="4"/>
        <v/>
      </c>
      <c r="H145" s="27"/>
      <c r="I145" s="28"/>
      <c r="J145" s="28"/>
      <c r="K145" s="29"/>
      <c r="L145" s="29"/>
      <c r="M145" s="29"/>
      <c r="N145" s="29"/>
      <c r="O145" s="28"/>
      <c r="P145" s="31"/>
      <c r="Q145" s="28"/>
      <c r="R145" s="26"/>
      <c r="S145" s="28"/>
      <c r="T145" s="28"/>
      <c r="U145" s="28"/>
      <c r="V145" s="28"/>
      <c r="W145" s="28"/>
      <c r="X145" s="26"/>
      <c r="Y145" s="28"/>
      <c r="Z145" s="28"/>
      <c r="AA145" s="28"/>
      <c r="AB145" s="28"/>
      <c r="AC145" s="28"/>
      <c r="AD145" s="31"/>
    </row>
    <row r="146" spans="1:30" ht="30" customHeight="1" x14ac:dyDescent="0.4">
      <c r="A146" s="41">
        <v>142</v>
      </c>
      <c r="B146" s="24"/>
      <c r="C146" s="25"/>
      <c r="D146" s="24"/>
      <c r="E146" s="25"/>
      <c r="F146" s="26"/>
      <c r="G146" s="27" t="str">
        <f t="shared" si="4"/>
        <v/>
      </c>
      <c r="H146" s="27"/>
      <c r="I146" s="28"/>
      <c r="J146" s="28"/>
      <c r="K146" s="29"/>
      <c r="L146" s="29"/>
      <c r="M146" s="29"/>
      <c r="N146" s="29"/>
      <c r="O146" s="28"/>
      <c r="P146" s="31"/>
      <c r="Q146" s="28"/>
      <c r="R146" s="26"/>
      <c r="S146" s="28"/>
      <c r="T146" s="28"/>
      <c r="U146" s="28"/>
      <c r="V146" s="28"/>
      <c r="W146" s="28"/>
      <c r="X146" s="26"/>
      <c r="Y146" s="28"/>
      <c r="Z146" s="28"/>
      <c r="AA146" s="28"/>
      <c r="AB146" s="28"/>
      <c r="AC146" s="28"/>
      <c r="AD146" s="31"/>
    </row>
    <row r="147" spans="1:30" ht="30" customHeight="1" x14ac:dyDescent="0.4">
      <c r="A147" s="41">
        <v>143</v>
      </c>
      <c r="B147" s="24"/>
      <c r="C147" s="25"/>
      <c r="D147" s="24"/>
      <c r="E147" s="25"/>
      <c r="F147" s="26"/>
      <c r="G147" s="27" t="str">
        <f t="shared" si="4"/>
        <v/>
      </c>
      <c r="H147" s="27"/>
      <c r="I147" s="28"/>
      <c r="J147" s="28"/>
      <c r="K147" s="29"/>
      <c r="L147" s="29"/>
      <c r="M147" s="29"/>
      <c r="N147" s="29"/>
      <c r="O147" s="28"/>
      <c r="P147" s="31"/>
      <c r="Q147" s="28"/>
      <c r="R147" s="26"/>
      <c r="S147" s="28"/>
      <c r="T147" s="28"/>
      <c r="U147" s="28"/>
      <c r="V147" s="28"/>
      <c r="W147" s="28"/>
      <c r="X147" s="26"/>
      <c r="Y147" s="28"/>
      <c r="Z147" s="28"/>
      <c r="AA147" s="28"/>
      <c r="AB147" s="28"/>
      <c r="AC147" s="28"/>
      <c r="AD147" s="31"/>
    </row>
    <row r="148" spans="1:30" ht="30" customHeight="1" x14ac:dyDescent="0.4">
      <c r="A148" s="41">
        <v>144</v>
      </c>
      <c r="B148" s="24"/>
      <c r="C148" s="25"/>
      <c r="D148" s="24"/>
      <c r="E148" s="25"/>
      <c r="F148" s="26"/>
      <c r="G148" s="27" t="str">
        <f t="shared" si="4"/>
        <v/>
      </c>
      <c r="H148" s="27"/>
      <c r="I148" s="28"/>
      <c r="J148" s="28"/>
      <c r="K148" s="29"/>
      <c r="L148" s="29"/>
      <c r="M148" s="29"/>
      <c r="N148" s="29"/>
      <c r="O148" s="28"/>
      <c r="P148" s="31"/>
      <c r="Q148" s="28"/>
      <c r="R148" s="26"/>
      <c r="S148" s="28"/>
      <c r="T148" s="28"/>
      <c r="U148" s="28"/>
      <c r="V148" s="28"/>
      <c r="W148" s="28"/>
      <c r="X148" s="26"/>
      <c r="Y148" s="28"/>
      <c r="Z148" s="28"/>
      <c r="AA148" s="28"/>
      <c r="AB148" s="28"/>
      <c r="AC148" s="28"/>
      <c r="AD148" s="31"/>
    </row>
    <row r="149" spans="1:30" ht="30" customHeight="1" x14ac:dyDescent="0.4">
      <c r="A149" s="41">
        <v>145</v>
      </c>
      <c r="B149" s="24"/>
      <c r="C149" s="25"/>
      <c r="D149" s="24"/>
      <c r="E149" s="25"/>
      <c r="F149" s="26"/>
      <c r="G149" s="27" t="str">
        <f t="shared" si="4"/>
        <v/>
      </c>
      <c r="H149" s="27"/>
      <c r="I149" s="28"/>
      <c r="J149" s="28"/>
      <c r="K149" s="29"/>
      <c r="L149" s="29"/>
      <c r="M149" s="29"/>
      <c r="N149" s="29"/>
      <c r="O149" s="28"/>
      <c r="P149" s="31"/>
      <c r="Q149" s="28"/>
      <c r="R149" s="26"/>
      <c r="S149" s="28"/>
      <c r="T149" s="28"/>
      <c r="U149" s="28"/>
      <c r="V149" s="28"/>
      <c r="W149" s="28"/>
      <c r="X149" s="26"/>
      <c r="Y149" s="28"/>
      <c r="Z149" s="28"/>
      <c r="AA149" s="28"/>
      <c r="AB149" s="28"/>
      <c r="AC149" s="28"/>
      <c r="AD149" s="31"/>
    </row>
    <row r="150" spans="1:30" ht="30" customHeight="1" x14ac:dyDescent="0.4">
      <c r="A150" s="41">
        <v>146</v>
      </c>
      <c r="B150" s="24"/>
      <c r="C150" s="25"/>
      <c r="D150" s="24"/>
      <c r="E150" s="25"/>
      <c r="F150" s="26"/>
      <c r="G150" s="27" t="str">
        <f t="shared" si="4"/>
        <v/>
      </c>
      <c r="H150" s="27"/>
      <c r="I150" s="28"/>
      <c r="J150" s="28"/>
      <c r="K150" s="29"/>
      <c r="L150" s="29"/>
      <c r="M150" s="29"/>
      <c r="N150" s="29"/>
      <c r="O150" s="28"/>
      <c r="P150" s="31"/>
      <c r="Q150" s="28"/>
      <c r="R150" s="26"/>
      <c r="S150" s="28"/>
      <c r="T150" s="28"/>
      <c r="U150" s="28"/>
      <c r="V150" s="28"/>
      <c r="W150" s="28"/>
      <c r="X150" s="26"/>
      <c r="Y150" s="28"/>
      <c r="Z150" s="28"/>
      <c r="AA150" s="28"/>
      <c r="AB150" s="28"/>
      <c r="AC150" s="28"/>
      <c r="AD150" s="31"/>
    </row>
    <row r="151" spans="1:30" ht="30" customHeight="1" x14ac:dyDescent="0.4">
      <c r="A151" s="41">
        <v>147</v>
      </c>
      <c r="B151" s="24"/>
      <c r="C151" s="25"/>
      <c r="D151" s="24"/>
      <c r="E151" s="25"/>
      <c r="F151" s="26"/>
      <c r="G151" s="27" t="str">
        <f t="shared" si="4"/>
        <v/>
      </c>
      <c r="H151" s="27"/>
      <c r="I151" s="28"/>
      <c r="J151" s="28"/>
      <c r="K151" s="29"/>
      <c r="L151" s="29"/>
      <c r="M151" s="29"/>
      <c r="N151" s="29"/>
      <c r="O151" s="28"/>
      <c r="P151" s="31"/>
      <c r="Q151" s="28"/>
      <c r="R151" s="26"/>
      <c r="S151" s="28"/>
      <c r="T151" s="28"/>
      <c r="U151" s="28"/>
      <c r="V151" s="28"/>
      <c r="W151" s="28"/>
      <c r="X151" s="26"/>
      <c r="Y151" s="28"/>
      <c r="Z151" s="28"/>
      <c r="AA151" s="28"/>
      <c r="AB151" s="28"/>
      <c r="AC151" s="28"/>
      <c r="AD151" s="31"/>
    </row>
    <row r="152" spans="1:30" ht="30" customHeight="1" x14ac:dyDescent="0.4">
      <c r="A152" s="41">
        <v>148</v>
      </c>
      <c r="B152" s="24"/>
      <c r="C152" s="25"/>
      <c r="D152" s="24"/>
      <c r="E152" s="25"/>
      <c r="F152" s="26"/>
      <c r="G152" s="27" t="str">
        <f t="shared" si="4"/>
        <v/>
      </c>
      <c r="H152" s="27"/>
      <c r="I152" s="28"/>
      <c r="J152" s="28"/>
      <c r="K152" s="29"/>
      <c r="L152" s="29"/>
      <c r="M152" s="29"/>
      <c r="N152" s="29"/>
      <c r="O152" s="28"/>
      <c r="P152" s="31"/>
      <c r="Q152" s="28"/>
      <c r="R152" s="26"/>
      <c r="S152" s="28"/>
      <c r="T152" s="28"/>
      <c r="U152" s="28"/>
      <c r="V152" s="28"/>
      <c r="W152" s="28"/>
      <c r="X152" s="26"/>
      <c r="Y152" s="28"/>
      <c r="Z152" s="28"/>
      <c r="AA152" s="28"/>
      <c r="AB152" s="28"/>
      <c r="AC152" s="28"/>
      <c r="AD152" s="31"/>
    </row>
    <row r="153" spans="1:30" ht="30" customHeight="1" x14ac:dyDescent="0.4">
      <c r="A153" s="41">
        <v>149</v>
      </c>
      <c r="B153" s="24"/>
      <c r="C153" s="25"/>
      <c r="D153" s="24"/>
      <c r="E153" s="25"/>
      <c r="F153" s="26"/>
      <c r="G153" s="27" t="str">
        <f t="shared" si="4"/>
        <v/>
      </c>
      <c r="H153" s="27"/>
      <c r="I153" s="28"/>
      <c r="J153" s="28"/>
      <c r="K153" s="29"/>
      <c r="L153" s="29"/>
      <c r="M153" s="29"/>
      <c r="N153" s="29"/>
      <c r="O153" s="28"/>
      <c r="P153" s="31"/>
      <c r="Q153" s="28"/>
      <c r="R153" s="26"/>
      <c r="S153" s="28"/>
      <c r="T153" s="28"/>
      <c r="U153" s="28"/>
      <c r="V153" s="28"/>
      <c r="W153" s="28"/>
      <c r="X153" s="26"/>
      <c r="Y153" s="28"/>
      <c r="Z153" s="28"/>
      <c r="AA153" s="28"/>
      <c r="AB153" s="28"/>
      <c r="AC153" s="28"/>
      <c r="AD153" s="31"/>
    </row>
    <row r="154" spans="1:30" ht="30" customHeight="1" x14ac:dyDescent="0.4">
      <c r="A154" s="41">
        <v>150</v>
      </c>
      <c r="B154" s="24"/>
      <c r="C154" s="25"/>
      <c r="D154" s="24"/>
      <c r="E154" s="25"/>
      <c r="F154" s="26"/>
      <c r="G154" s="27" t="str">
        <f t="shared" si="4"/>
        <v/>
      </c>
      <c r="H154" s="27"/>
      <c r="I154" s="28"/>
      <c r="J154" s="28"/>
      <c r="K154" s="29"/>
      <c r="L154" s="29"/>
      <c r="M154" s="29"/>
      <c r="N154" s="29"/>
      <c r="O154" s="28"/>
      <c r="P154" s="31"/>
      <c r="Q154" s="28"/>
      <c r="R154" s="26"/>
      <c r="S154" s="28"/>
      <c r="T154" s="28"/>
      <c r="U154" s="28"/>
      <c r="V154" s="28"/>
      <c r="W154" s="28"/>
      <c r="X154" s="26"/>
      <c r="Y154" s="28"/>
      <c r="Z154" s="28"/>
      <c r="AA154" s="28"/>
      <c r="AB154" s="28"/>
      <c r="AC154" s="28"/>
      <c r="AD154" s="31"/>
    </row>
    <row r="155" spans="1:30" ht="30" customHeight="1" x14ac:dyDescent="0.4">
      <c r="A155" s="41">
        <v>151</v>
      </c>
      <c r="B155" s="24"/>
      <c r="C155" s="25"/>
      <c r="D155" s="24"/>
      <c r="E155" s="25"/>
      <c r="F155" s="26"/>
      <c r="G155" s="27" t="str">
        <f t="shared" si="4"/>
        <v/>
      </c>
      <c r="H155" s="27"/>
      <c r="I155" s="28"/>
      <c r="J155" s="28"/>
      <c r="K155" s="29"/>
      <c r="L155" s="29"/>
      <c r="M155" s="29"/>
      <c r="N155" s="29"/>
      <c r="O155" s="28"/>
      <c r="P155" s="31"/>
      <c r="Q155" s="28"/>
      <c r="R155" s="26"/>
      <c r="S155" s="28"/>
      <c r="T155" s="28"/>
      <c r="U155" s="28"/>
      <c r="V155" s="28"/>
      <c r="W155" s="28"/>
      <c r="X155" s="26"/>
      <c r="Y155" s="28"/>
      <c r="Z155" s="28"/>
      <c r="AA155" s="28"/>
      <c r="AB155" s="28"/>
      <c r="AC155" s="28"/>
      <c r="AD155" s="31"/>
    </row>
    <row r="156" spans="1:30" ht="30" customHeight="1" x14ac:dyDescent="0.4">
      <c r="A156" s="41">
        <v>152</v>
      </c>
      <c r="B156" s="24"/>
      <c r="C156" s="25"/>
      <c r="D156" s="24"/>
      <c r="E156" s="25"/>
      <c r="F156" s="26"/>
      <c r="G156" s="27" t="str">
        <f t="shared" si="4"/>
        <v/>
      </c>
      <c r="H156" s="27"/>
      <c r="I156" s="28"/>
      <c r="J156" s="28"/>
      <c r="K156" s="29"/>
      <c r="L156" s="29"/>
      <c r="M156" s="29"/>
      <c r="N156" s="29"/>
      <c r="O156" s="28"/>
      <c r="P156" s="31"/>
      <c r="Q156" s="28"/>
      <c r="R156" s="26"/>
      <c r="S156" s="28"/>
      <c r="T156" s="28"/>
      <c r="U156" s="28"/>
      <c r="V156" s="28"/>
      <c r="W156" s="28"/>
      <c r="X156" s="26"/>
      <c r="Y156" s="28"/>
      <c r="Z156" s="28"/>
      <c r="AA156" s="28"/>
      <c r="AB156" s="28"/>
      <c r="AC156" s="28"/>
      <c r="AD156" s="31"/>
    </row>
    <row r="157" spans="1:30" ht="30" customHeight="1" x14ac:dyDescent="0.4">
      <c r="A157" s="41">
        <v>153</v>
      </c>
      <c r="B157" s="24"/>
      <c r="C157" s="25"/>
      <c r="D157" s="24"/>
      <c r="E157" s="25"/>
      <c r="F157" s="26"/>
      <c r="G157" s="27" t="str">
        <f t="shared" si="4"/>
        <v/>
      </c>
      <c r="H157" s="27"/>
      <c r="I157" s="28"/>
      <c r="J157" s="28"/>
      <c r="K157" s="29"/>
      <c r="L157" s="29"/>
      <c r="M157" s="29"/>
      <c r="N157" s="29"/>
      <c r="O157" s="28"/>
      <c r="P157" s="31"/>
      <c r="Q157" s="28"/>
      <c r="R157" s="26"/>
      <c r="S157" s="28"/>
      <c r="T157" s="28"/>
      <c r="U157" s="28"/>
      <c r="V157" s="28"/>
      <c r="W157" s="28"/>
      <c r="X157" s="26"/>
      <c r="Y157" s="28"/>
      <c r="Z157" s="28"/>
      <c r="AA157" s="28"/>
      <c r="AB157" s="28"/>
      <c r="AC157" s="28"/>
      <c r="AD157" s="31"/>
    </row>
    <row r="158" spans="1:30" ht="30" customHeight="1" x14ac:dyDescent="0.4">
      <c r="A158" s="41">
        <v>154</v>
      </c>
      <c r="B158" s="24"/>
      <c r="C158" s="25"/>
      <c r="D158" s="24"/>
      <c r="E158" s="25"/>
      <c r="F158" s="26"/>
      <c r="G158" s="27" t="str">
        <f t="shared" si="4"/>
        <v/>
      </c>
      <c r="H158" s="27"/>
      <c r="I158" s="28"/>
      <c r="J158" s="28"/>
      <c r="K158" s="29"/>
      <c r="L158" s="29"/>
      <c r="M158" s="29"/>
      <c r="N158" s="29"/>
      <c r="O158" s="28"/>
      <c r="P158" s="31"/>
      <c r="Q158" s="28"/>
      <c r="R158" s="26"/>
      <c r="S158" s="28"/>
      <c r="T158" s="28"/>
      <c r="U158" s="28"/>
      <c r="V158" s="28"/>
      <c r="W158" s="28"/>
      <c r="X158" s="26"/>
      <c r="Y158" s="28"/>
      <c r="Z158" s="28"/>
      <c r="AA158" s="28"/>
      <c r="AB158" s="28"/>
      <c r="AC158" s="28"/>
      <c r="AD158" s="31"/>
    </row>
    <row r="159" spans="1:30" ht="30" customHeight="1" x14ac:dyDescent="0.4">
      <c r="A159" s="41">
        <v>155</v>
      </c>
      <c r="B159" s="24"/>
      <c r="C159" s="25"/>
      <c r="D159" s="24"/>
      <c r="E159" s="25"/>
      <c r="F159" s="26"/>
      <c r="G159" s="27" t="str">
        <f t="shared" si="4"/>
        <v/>
      </c>
      <c r="H159" s="27"/>
      <c r="I159" s="28"/>
      <c r="J159" s="28"/>
      <c r="K159" s="29"/>
      <c r="L159" s="29"/>
      <c r="M159" s="29"/>
      <c r="N159" s="29"/>
      <c r="O159" s="28"/>
      <c r="P159" s="31"/>
      <c r="Q159" s="28"/>
      <c r="R159" s="26"/>
      <c r="S159" s="28"/>
      <c r="T159" s="28"/>
      <c r="U159" s="28"/>
      <c r="V159" s="28"/>
      <c r="W159" s="28"/>
      <c r="X159" s="26"/>
      <c r="Y159" s="28"/>
      <c r="Z159" s="28"/>
      <c r="AA159" s="28"/>
      <c r="AB159" s="28"/>
      <c r="AC159" s="28"/>
      <c r="AD159" s="31"/>
    </row>
    <row r="160" spans="1:30" ht="30" customHeight="1" x14ac:dyDescent="0.4">
      <c r="A160" s="41">
        <v>156</v>
      </c>
      <c r="B160" s="24"/>
      <c r="C160" s="25"/>
      <c r="D160" s="24"/>
      <c r="E160" s="25"/>
      <c r="F160" s="26"/>
      <c r="G160" s="27" t="str">
        <f t="shared" si="4"/>
        <v/>
      </c>
      <c r="H160" s="27"/>
      <c r="I160" s="28"/>
      <c r="J160" s="28"/>
      <c r="K160" s="29"/>
      <c r="L160" s="29"/>
      <c r="M160" s="29"/>
      <c r="N160" s="29"/>
      <c r="O160" s="28"/>
      <c r="P160" s="31"/>
      <c r="Q160" s="28"/>
      <c r="R160" s="26"/>
      <c r="S160" s="28"/>
      <c r="T160" s="28"/>
      <c r="U160" s="28"/>
      <c r="V160" s="28"/>
      <c r="W160" s="28"/>
      <c r="X160" s="26"/>
      <c r="Y160" s="28"/>
      <c r="Z160" s="28"/>
      <c r="AA160" s="28"/>
      <c r="AB160" s="28"/>
      <c r="AC160" s="28"/>
      <c r="AD160" s="31"/>
    </row>
    <row r="161" spans="1:30" ht="30" customHeight="1" x14ac:dyDescent="0.4">
      <c r="A161" s="41">
        <v>157</v>
      </c>
      <c r="B161" s="24"/>
      <c r="C161" s="25"/>
      <c r="D161" s="24"/>
      <c r="E161" s="25"/>
      <c r="F161" s="26"/>
      <c r="G161" s="27" t="str">
        <f t="shared" si="4"/>
        <v/>
      </c>
      <c r="H161" s="27"/>
      <c r="I161" s="28"/>
      <c r="J161" s="28"/>
      <c r="K161" s="29"/>
      <c r="L161" s="29"/>
      <c r="M161" s="29"/>
      <c r="N161" s="29"/>
      <c r="O161" s="28"/>
      <c r="P161" s="31"/>
      <c r="Q161" s="28"/>
      <c r="R161" s="26"/>
      <c r="S161" s="28"/>
      <c r="T161" s="28"/>
      <c r="U161" s="28"/>
      <c r="V161" s="28"/>
      <c r="W161" s="28"/>
      <c r="X161" s="26"/>
      <c r="Y161" s="28"/>
      <c r="Z161" s="28"/>
      <c r="AA161" s="28"/>
      <c r="AB161" s="28"/>
      <c r="AC161" s="28"/>
      <c r="AD161" s="31"/>
    </row>
    <row r="162" spans="1:30" ht="30" customHeight="1" x14ac:dyDescent="0.4">
      <c r="A162" s="41">
        <v>158</v>
      </c>
      <c r="B162" s="24"/>
      <c r="C162" s="25"/>
      <c r="D162" s="24"/>
      <c r="E162" s="25"/>
      <c r="F162" s="26"/>
      <c r="G162" s="27" t="str">
        <f t="shared" si="4"/>
        <v/>
      </c>
      <c r="H162" s="27"/>
      <c r="I162" s="28"/>
      <c r="J162" s="28"/>
      <c r="K162" s="29"/>
      <c r="L162" s="29"/>
      <c r="M162" s="29"/>
      <c r="N162" s="29"/>
      <c r="O162" s="28"/>
      <c r="P162" s="31"/>
      <c r="Q162" s="28"/>
      <c r="R162" s="26"/>
      <c r="S162" s="28"/>
      <c r="T162" s="28"/>
      <c r="U162" s="28"/>
      <c r="V162" s="28"/>
      <c r="W162" s="28"/>
      <c r="X162" s="26"/>
      <c r="Y162" s="28"/>
      <c r="Z162" s="28"/>
      <c r="AA162" s="28"/>
      <c r="AB162" s="28"/>
      <c r="AC162" s="28"/>
      <c r="AD162" s="31"/>
    </row>
    <row r="163" spans="1:30" ht="30" customHeight="1" x14ac:dyDescent="0.4">
      <c r="A163" s="41">
        <v>159</v>
      </c>
      <c r="B163" s="24"/>
      <c r="C163" s="25"/>
      <c r="D163" s="24"/>
      <c r="E163" s="25"/>
      <c r="F163" s="26"/>
      <c r="G163" s="27" t="str">
        <f t="shared" si="4"/>
        <v/>
      </c>
      <c r="H163" s="27"/>
      <c r="I163" s="28"/>
      <c r="J163" s="28"/>
      <c r="K163" s="29"/>
      <c r="L163" s="29"/>
      <c r="M163" s="29"/>
      <c r="N163" s="29"/>
      <c r="O163" s="28"/>
      <c r="P163" s="31"/>
      <c r="Q163" s="28"/>
      <c r="R163" s="26"/>
      <c r="S163" s="28"/>
      <c r="T163" s="28"/>
      <c r="U163" s="28"/>
      <c r="V163" s="28"/>
      <c r="W163" s="28"/>
      <c r="X163" s="26"/>
      <c r="Y163" s="28"/>
      <c r="Z163" s="28"/>
      <c r="AA163" s="28"/>
      <c r="AB163" s="28"/>
      <c r="AC163" s="28"/>
      <c r="AD163" s="31"/>
    </row>
    <row r="164" spans="1:30" ht="30" customHeight="1" x14ac:dyDescent="0.4">
      <c r="A164" s="41">
        <v>160</v>
      </c>
      <c r="B164" s="24"/>
      <c r="C164" s="25"/>
      <c r="D164" s="24"/>
      <c r="E164" s="25"/>
      <c r="F164" s="26"/>
      <c r="G164" s="27" t="str">
        <f t="shared" si="4"/>
        <v/>
      </c>
      <c r="H164" s="27"/>
      <c r="I164" s="28"/>
      <c r="J164" s="28"/>
      <c r="K164" s="29"/>
      <c r="L164" s="29"/>
      <c r="M164" s="29"/>
      <c r="N164" s="29"/>
      <c r="O164" s="28"/>
      <c r="P164" s="31"/>
      <c r="Q164" s="28"/>
      <c r="R164" s="26"/>
      <c r="S164" s="28"/>
      <c r="T164" s="28"/>
      <c r="U164" s="28"/>
      <c r="V164" s="28"/>
      <c r="W164" s="28"/>
      <c r="X164" s="26"/>
      <c r="Y164" s="28"/>
      <c r="Z164" s="28"/>
      <c r="AA164" s="28"/>
      <c r="AB164" s="28"/>
      <c r="AC164" s="28"/>
      <c r="AD164" s="31"/>
    </row>
    <row r="165" spans="1:30" ht="30" customHeight="1" x14ac:dyDescent="0.4">
      <c r="A165" s="41">
        <v>161</v>
      </c>
      <c r="B165" s="24"/>
      <c r="C165" s="25"/>
      <c r="D165" s="24"/>
      <c r="E165" s="25"/>
      <c r="F165" s="26"/>
      <c r="G165" s="27" t="str">
        <f t="shared" si="4"/>
        <v/>
      </c>
      <c r="H165" s="27"/>
      <c r="I165" s="28"/>
      <c r="J165" s="28"/>
      <c r="K165" s="29"/>
      <c r="L165" s="29"/>
      <c r="M165" s="29"/>
      <c r="N165" s="29"/>
      <c r="O165" s="28"/>
      <c r="P165" s="31"/>
      <c r="Q165" s="28"/>
      <c r="R165" s="26"/>
      <c r="S165" s="28"/>
      <c r="T165" s="28"/>
      <c r="U165" s="28"/>
      <c r="V165" s="28"/>
      <c r="W165" s="28"/>
      <c r="X165" s="26"/>
      <c r="Y165" s="28"/>
      <c r="Z165" s="28"/>
      <c r="AA165" s="28"/>
      <c r="AB165" s="28"/>
      <c r="AC165" s="28"/>
      <c r="AD165" s="31"/>
    </row>
    <row r="166" spans="1:30" ht="30" customHeight="1" x14ac:dyDescent="0.4">
      <c r="A166" s="41">
        <v>162</v>
      </c>
      <c r="B166" s="24"/>
      <c r="C166" s="25"/>
      <c r="D166" s="24"/>
      <c r="E166" s="25"/>
      <c r="F166" s="26"/>
      <c r="G166" s="27" t="str">
        <f t="shared" si="4"/>
        <v/>
      </c>
      <c r="H166" s="27"/>
      <c r="I166" s="28"/>
      <c r="J166" s="28"/>
      <c r="K166" s="29"/>
      <c r="L166" s="29"/>
      <c r="M166" s="29"/>
      <c r="N166" s="29"/>
      <c r="O166" s="28"/>
      <c r="P166" s="31"/>
      <c r="Q166" s="28"/>
      <c r="R166" s="26"/>
      <c r="S166" s="28"/>
      <c r="T166" s="28"/>
      <c r="U166" s="28"/>
      <c r="V166" s="28"/>
      <c r="W166" s="28"/>
      <c r="X166" s="26"/>
      <c r="Y166" s="28"/>
      <c r="Z166" s="28"/>
      <c r="AA166" s="28"/>
      <c r="AB166" s="28"/>
      <c r="AC166" s="28"/>
      <c r="AD166" s="31"/>
    </row>
    <row r="167" spans="1:30" ht="30" customHeight="1" x14ac:dyDescent="0.4">
      <c r="A167" s="41">
        <v>163</v>
      </c>
      <c r="B167" s="24"/>
      <c r="C167" s="25"/>
      <c r="D167" s="24"/>
      <c r="E167" s="25"/>
      <c r="F167" s="26"/>
      <c r="G167" s="27" t="str">
        <f t="shared" si="4"/>
        <v/>
      </c>
      <c r="H167" s="27"/>
      <c r="I167" s="28"/>
      <c r="J167" s="28"/>
      <c r="K167" s="29"/>
      <c r="L167" s="29"/>
      <c r="M167" s="29"/>
      <c r="N167" s="29"/>
      <c r="O167" s="28"/>
      <c r="P167" s="31"/>
      <c r="Q167" s="28"/>
      <c r="R167" s="26"/>
      <c r="S167" s="28"/>
      <c r="T167" s="28"/>
      <c r="U167" s="28"/>
      <c r="V167" s="28"/>
      <c r="W167" s="28"/>
      <c r="X167" s="26"/>
      <c r="Y167" s="28"/>
      <c r="Z167" s="28"/>
      <c r="AA167" s="28"/>
      <c r="AB167" s="28"/>
      <c r="AC167" s="28"/>
      <c r="AD167" s="31"/>
    </row>
    <row r="168" spans="1:30" ht="30" customHeight="1" x14ac:dyDescent="0.4">
      <c r="A168" s="41">
        <v>164</v>
      </c>
      <c r="B168" s="24"/>
      <c r="C168" s="25"/>
      <c r="D168" s="24"/>
      <c r="E168" s="25"/>
      <c r="F168" s="26"/>
      <c r="G168" s="27" t="str">
        <f t="shared" ref="G168:G199" si="5">IF(F168="","",DATEDIF(F168,$F$2,"Y"))</f>
        <v/>
      </c>
      <c r="H168" s="27"/>
      <c r="I168" s="28"/>
      <c r="J168" s="28"/>
      <c r="K168" s="29"/>
      <c r="L168" s="29"/>
      <c r="M168" s="29"/>
      <c r="N168" s="29"/>
      <c r="O168" s="28"/>
      <c r="P168" s="31"/>
      <c r="Q168" s="28"/>
      <c r="R168" s="26"/>
      <c r="S168" s="28"/>
      <c r="T168" s="28"/>
      <c r="U168" s="28"/>
      <c r="V168" s="28"/>
      <c r="W168" s="28"/>
      <c r="X168" s="26"/>
      <c r="Y168" s="28"/>
      <c r="Z168" s="28"/>
      <c r="AA168" s="28"/>
      <c r="AB168" s="28"/>
      <c r="AC168" s="28"/>
      <c r="AD168" s="31"/>
    </row>
    <row r="169" spans="1:30" ht="30" customHeight="1" x14ac:dyDescent="0.4">
      <c r="A169" s="41">
        <v>165</v>
      </c>
      <c r="B169" s="24"/>
      <c r="C169" s="25"/>
      <c r="D169" s="24"/>
      <c r="E169" s="25"/>
      <c r="F169" s="26"/>
      <c r="G169" s="27" t="str">
        <f t="shared" si="5"/>
        <v/>
      </c>
      <c r="H169" s="27"/>
      <c r="I169" s="28"/>
      <c r="J169" s="28"/>
      <c r="K169" s="29"/>
      <c r="L169" s="29"/>
      <c r="M169" s="29"/>
      <c r="N169" s="29"/>
      <c r="O169" s="28"/>
      <c r="P169" s="31"/>
      <c r="Q169" s="28"/>
      <c r="R169" s="26"/>
      <c r="S169" s="28"/>
      <c r="T169" s="28"/>
      <c r="U169" s="28"/>
      <c r="V169" s="28"/>
      <c r="W169" s="28"/>
      <c r="X169" s="26"/>
      <c r="Y169" s="28"/>
      <c r="Z169" s="28"/>
      <c r="AA169" s="28"/>
      <c r="AB169" s="28"/>
      <c r="AC169" s="28"/>
      <c r="AD169" s="31"/>
    </row>
    <row r="170" spans="1:30" ht="30" customHeight="1" x14ac:dyDescent="0.4">
      <c r="A170" s="41">
        <v>166</v>
      </c>
      <c r="B170" s="24"/>
      <c r="C170" s="25"/>
      <c r="D170" s="24"/>
      <c r="E170" s="25"/>
      <c r="F170" s="26"/>
      <c r="G170" s="27" t="str">
        <f t="shared" si="5"/>
        <v/>
      </c>
      <c r="H170" s="27"/>
      <c r="I170" s="28"/>
      <c r="J170" s="28"/>
      <c r="K170" s="29"/>
      <c r="L170" s="29"/>
      <c r="M170" s="29"/>
      <c r="N170" s="29"/>
      <c r="O170" s="28"/>
      <c r="P170" s="31"/>
      <c r="Q170" s="28"/>
      <c r="R170" s="26"/>
      <c r="S170" s="28"/>
      <c r="T170" s="28"/>
      <c r="U170" s="28"/>
      <c r="V170" s="28"/>
      <c r="W170" s="28"/>
      <c r="X170" s="26"/>
      <c r="Y170" s="28"/>
      <c r="Z170" s="28"/>
      <c r="AA170" s="28"/>
      <c r="AB170" s="28"/>
      <c r="AC170" s="28"/>
      <c r="AD170" s="31"/>
    </row>
    <row r="171" spans="1:30" ht="30" customHeight="1" x14ac:dyDescent="0.4">
      <c r="A171" s="41">
        <v>167</v>
      </c>
      <c r="B171" s="24"/>
      <c r="C171" s="25"/>
      <c r="D171" s="24"/>
      <c r="E171" s="25"/>
      <c r="F171" s="26"/>
      <c r="G171" s="27" t="str">
        <f t="shared" si="5"/>
        <v/>
      </c>
      <c r="H171" s="27"/>
      <c r="I171" s="28"/>
      <c r="J171" s="28"/>
      <c r="K171" s="29"/>
      <c r="L171" s="29"/>
      <c r="M171" s="29"/>
      <c r="N171" s="29"/>
      <c r="O171" s="28"/>
      <c r="P171" s="31"/>
      <c r="Q171" s="28"/>
      <c r="R171" s="26"/>
      <c r="S171" s="28"/>
      <c r="T171" s="28"/>
      <c r="U171" s="28"/>
      <c r="V171" s="28"/>
      <c r="W171" s="28"/>
      <c r="X171" s="26"/>
      <c r="Y171" s="28"/>
      <c r="Z171" s="28"/>
      <c r="AA171" s="28"/>
      <c r="AB171" s="28"/>
      <c r="AC171" s="28"/>
      <c r="AD171" s="31"/>
    </row>
    <row r="172" spans="1:30" ht="30" customHeight="1" x14ac:dyDescent="0.4">
      <c r="A172" s="41">
        <v>168</v>
      </c>
      <c r="B172" s="24"/>
      <c r="C172" s="25"/>
      <c r="D172" s="24"/>
      <c r="E172" s="25"/>
      <c r="F172" s="26"/>
      <c r="G172" s="27" t="str">
        <f t="shared" si="5"/>
        <v/>
      </c>
      <c r="H172" s="27"/>
      <c r="I172" s="28"/>
      <c r="J172" s="28"/>
      <c r="K172" s="29"/>
      <c r="L172" s="29"/>
      <c r="M172" s="29"/>
      <c r="N172" s="29"/>
      <c r="O172" s="28"/>
      <c r="P172" s="31"/>
      <c r="Q172" s="28"/>
      <c r="R172" s="26"/>
      <c r="S172" s="28"/>
      <c r="T172" s="28"/>
      <c r="U172" s="28"/>
      <c r="V172" s="28"/>
      <c r="W172" s="28"/>
      <c r="X172" s="26"/>
      <c r="Y172" s="28"/>
      <c r="Z172" s="28"/>
      <c r="AA172" s="28"/>
      <c r="AB172" s="28"/>
      <c r="AC172" s="28"/>
      <c r="AD172" s="31"/>
    </row>
    <row r="173" spans="1:30" ht="30" customHeight="1" x14ac:dyDescent="0.4">
      <c r="A173" s="41">
        <v>169</v>
      </c>
      <c r="B173" s="24"/>
      <c r="C173" s="25"/>
      <c r="D173" s="24"/>
      <c r="E173" s="25"/>
      <c r="F173" s="26"/>
      <c r="G173" s="27" t="str">
        <f t="shared" si="5"/>
        <v/>
      </c>
      <c r="H173" s="27"/>
      <c r="I173" s="28"/>
      <c r="J173" s="28"/>
      <c r="K173" s="29"/>
      <c r="L173" s="29"/>
      <c r="M173" s="29"/>
      <c r="N173" s="29"/>
      <c r="O173" s="28"/>
      <c r="P173" s="31"/>
      <c r="Q173" s="28"/>
      <c r="R173" s="26"/>
      <c r="S173" s="28"/>
      <c r="T173" s="28"/>
      <c r="U173" s="28"/>
      <c r="V173" s="28"/>
      <c r="W173" s="28"/>
      <c r="X173" s="26"/>
      <c r="Y173" s="28"/>
      <c r="Z173" s="28"/>
      <c r="AA173" s="28"/>
      <c r="AB173" s="28"/>
      <c r="AC173" s="28"/>
      <c r="AD173" s="31"/>
    </row>
    <row r="174" spans="1:30" ht="30" customHeight="1" x14ac:dyDescent="0.4">
      <c r="A174" s="41">
        <v>170</v>
      </c>
      <c r="B174" s="24"/>
      <c r="C174" s="25"/>
      <c r="D174" s="24"/>
      <c r="E174" s="25"/>
      <c r="F174" s="26"/>
      <c r="G174" s="27" t="str">
        <f t="shared" si="5"/>
        <v/>
      </c>
      <c r="H174" s="27"/>
      <c r="I174" s="28"/>
      <c r="J174" s="28"/>
      <c r="K174" s="29"/>
      <c r="L174" s="29"/>
      <c r="M174" s="29"/>
      <c r="N174" s="29"/>
      <c r="O174" s="28"/>
      <c r="P174" s="31"/>
      <c r="Q174" s="28"/>
      <c r="R174" s="26"/>
      <c r="S174" s="28"/>
      <c r="T174" s="28"/>
      <c r="U174" s="28"/>
      <c r="V174" s="28"/>
      <c r="W174" s="28"/>
      <c r="X174" s="26"/>
      <c r="Y174" s="28"/>
      <c r="Z174" s="28"/>
      <c r="AA174" s="28"/>
      <c r="AB174" s="28"/>
      <c r="AC174" s="28"/>
      <c r="AD174" s="31"/>
    </row>
    <row r="175" spans="1:30" ht="30" customHeight="1" x14ac:dyDescent="0.4">
      <c r="A175" s="41">
        <v>171</v>
      </c>
      <c r="B175" s="24"/>
      <c r="C175" s="25"/>
      <c r="D175" s="24"/>
      <c r="E175" s="25"/>
      <c r="F175" s="26"/>
      <c r="G175" s="27" t="str">
        <f t="shared" si="5"/>
        <v/>
      </c>
      <c r="H175" s="27"/>
      <c r="I175" s="28"/>
      <c r="J175" s="28"/>
      <c r="K175" s="29"/>
      <c r="L175" s="29"/>
      <c r="M175" s="29"/>
      <c r="N175" s="29"/>
      <c r="O175" s="28"/>
      <c r="P175" s="31"/>
      <c r="Q175" s="28"/>
      <c r="R175" s="26"/>
      <c r="S175" s="28"/>
      <c r="T175" s="28"/>
      <c r="U175" s="28"/>
      <c r="V175" s="28"/>
      <c r="W175" s="28"/>
      <c r="X175" s="26"/>
      <c r="Y175" s="28"/>
      <c r="Z175" s="28"/>
      <c r="AA175" s="28"/>
      <c r="AB175" s="28"/>
      <c r="AC175" s="28"/>
      <c r="AD175" s="31"/>
    </row>
    <row r="176" spans="1:30" ht="30" customHeight="1" x14ac:dyDescent="0.4">
      <c r="A176" s="41">
        <v>172</v>
      </c>
      <c r="B176" s="24"/>
      <c r="C176" s="25"/>
      <c r="D176" s="24"/>
      <c r="E176" s="25"/>
      <c r="F176" s="26"/>
      <c r="G176" s="27" t="str">
        <f t="shared" si="5"/>
        <v/>
      </c>
      <c r="H176" s="27"/>
      <c r="I176" s="28"/>
      <c r="J176" s="28"/>
      <c r="K176" s="29"/>
      <c r="L176" s="29"/>
      <c r="M176" s="29"/>
      <c r="N176" s="29"/>
      <c r="O176" s="28"/>
      <c r="P176" s="31"/>
      <c r="Q176" s="28"/>
      <c r="R176" s="26"/>
      <c r="S176" s="28"/>
      <c r="T176" s="28"/>
      <c r="U176" s="28"/>
      <c r="V176" s="28"/>
      <c r="W176" s="28"/>
      <c r="X176" s="26"/>
      <c r="Y176" s="28"/>
      <c r="Z176" s="28"/>
      <c r="AA176" s="28"/>
      <c r="AB176" s="28"/>
      <c r="AC176" s="28"/>
      <c r="AD176" s="31"/>
    </row>
    <row r="177" spans="1:30" ht="30" customHeight="1" x14ac:dyDescent="0.4">
      <c r="A177" s="41">
        <v>173</v>
      </c>
      <c r="B177" s="24"/>
      <c r="C177" s="25"/>
      <c r="D177" s="24"/>
      <c r="E177" s="25"/>
      <c r="F177" s="26"/>
      <c r="G177" s="27" t="str">
        <f t="shared" si="5"/>
        <v/>
      </c>
      <c r="H177" s="27"/>
      <c r="I177" s="28"/>
      <c r="J177" s="28"/>
      <c r="K177" s="29"/>
      <c r="L177" s="29"/>
      <c r="M177" s="29"/>
      <c r="N177" s="29"/>
      <c r="O177" s="28"/>
      <c r="P177" s="31"/>
      <c r="Q177" s="28"/>
      <c r="R177" s="26"/>
      <c r="S177" s="28"/>
      <c r="T177" s="28"/>
      <c r="U177" s="28"/>
      <c r="V177" s="28"/>
      <c r="W177" s="28"/>
      <c r="X177" s="26"/>
      <c r="Y177" s="28"/>
      <c r="Z177" s="28"/>
      <c r="AA177" s="28"/>
      <c r="AB177" s="28"/>
      <c r="AC177" s="28"/>
      <c r="AD177" s="31"/>
    </row>
    <row r="178" spans="1:30" ht="30" customHeight="1" x14ac:dyDescent="0.4">
      <c r="A178" s="41">
        <v>174</v>
      </c>
      <c r="B178" s="24"/>
      <c r="C178" s="25"/>
      <c r="D178" s="24"/>
      <c r="E178" s="25"/>
      <c r="F178" s="26"/>
      <c r="G178" s="27" t="str">
        <f t="shared" si="5"/>
        <v/>
      </c>
      <c r="H178" s="27"/>
      <c r="I178" s="28"/>
      <c r="J178" s="28"/>
      <c r="K178" s="29"/>
      <c r="L178" s="29"/>
      <c r="M178" s="29"/>
      <c r="N178" s="29"/>
      <c r="O178" s="28"/>
      <c r="P178" s="31"/>
      <c r="Q178" s="28"/>
      <c r="R178" s="26"/>
      <c r="S178" s="28"/>
      <c r="T178" s="28"/>
      <c r="U178" s="28"/>
      <c r="V178" s="28"/>
      <c r="W178" s="28"/>
      <c r="X178" s="26"/>
      <c r="Y178" s="28"/>
      <c r="Z178" s="28"/>
      <c r="AA178" s="28"/>
      <c r="AB178" s="28"/>
      <c r="AC178" s="28"/>
      <c r="AD178" s="31"/>
    </row>
    <row r="179" spans="1:30" ht="30" customHeight="1" x14ac:dyDescent="0.4">
      <c r="A179" s="41">
        <v>175</v>
      </c>
      <c r="B179" s="24"/>
      <c r="C179" s="25"/>
      <c r="D179" s="24"/>
      <c r="E179" s="25"/>
      <c r="F179" s="26"/>
      <c r="G179" s="27" t="str">
        <f t="shared" si="5"/>
        <v/>
      </c>
      <c r="H179" s="27"/>
      <c r="I179" s="28"/>
      <c r="J179" s="28"/>
      <c r="K179" s="29"/>
      <c r="L179" s="29"/>
      <c r="M179" s="29"/>
      <c r="N179" s="29"/>
      <c r="O179" s="28"/>
      <c r="P179" s="31"/>
      <c r="Q179" s="28"/>
      <c r="R179" s="26"/>
      <c r="S179" s="28"/>
      <c r="T179" s="28"/>
      <c r="U179" s="28"/>
      <c r="V179" s="28"/>
      <c r="W179" s="28"/>
      <c r="X179" s="26"/>
      <c r="Y179" s="28"/>
      <c r="Z179" s="28"/>
      <c r="AA179" s="28"/>
      <c r="AB179" s="28"/>
      <c r="AC179" s="28"/>
      <c r="AD179" s="31"/>
    </row>
    <row r="180" spans="1:30" ht="30" customHeight="1" x14ac:dyDescent="0.4">
      <c r="A180" s="41">
        <v>176</v>
      </c>
      <c r="B180" s="24"/>
      <c r="C180" s="25"/>
      <c r="D180" s="24"/>
      <c r="E180" s="25"/>
      <c r="F180" s="26"/>
      <c r="G180" s="27" t="str">
        <f t="shared" si="5"/>
        <v/>
      </c>
      <c r="H180" s="27"/>
      <c r="I180" s="28"/>
      <c r="J180" s="28"/>
      <c r="K180" s="29"/>
      <c r="L180" s="29"/>
      <c r="M180" s="29"/>
      <c r="N180" s="29"/>
      <c r="O180" s="28"/>
      <c r="P180" s="31"/>
      <c r="Q180" s="28"/>
      <c r="R180" s="26"/>
      <c r="S180" s="28"/>
      <c r="T180" s="28"/>
      <c r="U180" s="28"/>
      <c r="V180" s="28"/>
      <c r="W180" s="28"/>
      <c r="X180" s="26"/>
      <c r="Y180" s="28"/>
      <c r="Z180" s="28"/>
      <c r="AA180" s="28"/>
      <c r="AB180" s="28"/>
      <c r="AC180" s="28"/>
      <c r="AD180" s="31"/>
    </row>
    <row r="181" spans="1:30" ht="30" customHeight="1" x14ac:dyDescent="0.4">
      <c r="A181" s="41">
        <v>177</v>
      </c>
      <c r="B181" s="24"/>
      <c r="C181" s="25"/>
      <c r="D181" s="24"/>
      <c r="E181" s="25"/>
      <c r="F181" s="26"/>
      <c r="G181" s="27" t="str">
        <f t="shared" si="5"/>
        <v/>
      </c>
      <c r="H181" s="27"/>
      <c r="I181" s="28"/>
      <c r="J181" s="28"/>
      <c r="K181" s="29"/>
      <c r="L181" s="29"/>
      <c r="M181" s="29"/>
      <c r="N181" s="29"/>
      <c r="O181" s="28"/>
      <c r="P181" s="31"/>
      <c r="Q181" s="28"/>
      <c r="R181" s="26"/>
      <c r="S181" s="28"/>
      <c r="T181" s="28"/>
      <c r="U181" s="28"/>
      <c r="V181" s="28"/>
      <c r="W181" s="28"/>
      <c r="X181" s="26"/>
      <c r="Y181" s="28"/>
      <c r="Z181" s="28"/>
      <c r="AA181" s="28"/>
      <c r="AB181" s="28"/>
      <c r="AC181" s="28"/>
      <c r="AD181" s="31"/>
    </row>
    <row r="182" spans="1:30" ht="30" customHeight="1" x14ac:dyDescent="0.4">
      <c r="A182" s="41">
        <v>178</v>
      </c>
      <c r="B182" s="24"/>
      <c r="C182" s="25"/>
      <c r="D182" s="24"/>
      <c r="E182" s="25"/>
      <c r="F182" s="26"/>
      <c r="G182" s="27" t="str">
        <f t="shared" si="5"/>
        <v/>
      </c>
      <c r="H182" s="27"/>
      <c r="I182" s="28"/>
      <c r="J182" s="28"/>
      <c r="K182" s="29"/>
      <c r="L182" s="29"/>
      <c r="M182" s="29"/>
      <c r="N182" s="29"/>
      <c r="O182" s="28"/>
      <c r="P182" s="31"/>
      <c r="Q182" s="28"/>
      <c r="R182" s="26"/>
      <c r="S182" s="28"/>
      <c r="T182" s="28"/>
      <c r="U182" s="28"/>
      <c r="V182" s="28"/>
      <c r="W182" s="28"/>
      <c r="X182" s="26"/>
      <c r="Y182" s="28"/>
      <c r="Z182" s="28"/>
      <c r="AA182" s="28"/>
      <c r="AB182" s="28"/>
      <c r="AC182" s="28"/>
      <c r="AD182" s="31"/>
    </row>
    <row r="183" spans="1:30" ht="30" customHeight="1" x14ac:dyDescent="0.4">
      <c r="A183" s="41">
        <v>179</v>
      </c>
      <c r="B183" s="24"/>
      <c r="C183" s="25"/>
      <c r="D183" s="24"/>
      <c r="E183" s="25"/>
      <c r="F183" s="26"/>
      <c r="G183" s="27" t="str">
        <f t="shared" si="5"/>
        <v/>
      </c>
      <c r="H183" s="27"/>
      <c r="I183" s="28"/>
      <c r="J183" s="28"/>
      <c r="K183" s="29"/>
      <c r="L183" s="29"/>
      <c r="M183" s="29"/>
      <c r="N183" s="29"/>
      <c r="O183" s="28"/>
      <c r="P183" s="31"/>
      <c r="Q183" s="28"/>
      <c r="R183" s="26"/>
      <c r="S183" s="28"/>
      <c r="T183" s="28"/>
      <c r="U183" s="28"/>
      <c r="V183" s="28"/>
      <c r="W183" s="28"/>
      <c r="X183" s="26"/>
      <c r="Y183" s="28"/>
      <c r="Z183" s="28"/>
      <c r="AA183" s="28"/>
      <c r="AB183" s="28"/>
      <c r="AC183" s="28"/>
      <c r="AD183" s="31"/>
    </row>
    <row r="184" spans="1:30" ht="30" customHeight="1" x14ac:dyDescent="0.4">
      <c r="A184" s="41">
        <v>180</v>
      </c>
      <c r="B184" s="24"/>
      <c r="C184" s="25"/>
      <c r="D184" s="24"/>
      <c r="E184" s="25"/>
      <c r="F184" s="26"/>
      <c r="G184" s="27" t="str">
        <f t="shared" si="5"/>
        <v/>
      </c>
      <c r="H184" s="27"/>
      <c r="I184" s="28"/>
      <c r="J184" s="28"/>
      <c r="K184" s="29"/>
      <c r="L184" s="29"/>
      <c r="M184" s="29"/>
      <c r="N184" s="29"/>
      <c r="O184" s="28"/>
      <c r="P184" s="31"/>
      <c r="Q184" s="28"/>
      <c r="R184" s="26"/>
      <c r="S184" s="28"/>
      <c r="T184" s="28"/>
      <c r="U184" s="28"/>
      <c r="V184" s="28"/>
      <c r="W184" s="28"/>
      <c r="X184" s="26"/>
      <c r="Y184" s="28"/>
      <c r="Z184" s="28"/>
      <c r="AA184" s="28"/>
      <c r="AB184" s="28"/>
      <c r="AC184" s="28"/>
      <c r="AD184" s="31"/>
    </row>
    <row r="185" spans="1:30" ht="30" customHeight="1" x14ac:dyDescent="0.4">
      <c r="A185" s="41">
        <v>181</v>
      </c>
      <c r="B185" s="24"/>
      <c r="C185" s="25"/>
      <c r="D185" s="24"/>
      <c r="E185" s="25"/>
      <c r="F185" s="26"/>
      <c r="G185" s="27" t="str">
        <f t="shared" si="5"/>
        <v/>
      </c>
      <c r="H185" s="27"/>
      <c r="I185" s="28"/>
      <c r="J185" s="28"/>
      <c r="K185" s="29"/>
      <c r="L185" s="29"/>
      <c r="M185" s="29"/>
      <c r="N185" s="29"/>
      <c r="O185" s="28"/>
      <c r="P185" s="31"/>
      <c r="Q185" s="28"/>
      <c r="R185" s="26"/>
      <c r="S185" s="28"/>
      <c r="T185" s="28"/>
      <c r="U185" s="28"/>
      <c r="V185" s="28"/>
      <c r="W185" s="28"/>
      <c r="X185" s="26"/>
      <c r="Y185" s="28"/>
      <c r="Z185" s="28"/>
      <c r="AA185" s="28"/>
      <c r="AB185" s="28"/>
      <c r="AC185" s="28"/>
      <c r="AD185" s="31"/>
    </row>
    <row r="186" spans="1:30" ht="30" customHeight="1" x14ac:dyDescent="0.4">
      <c r="A186" s="41">
        <v>182</v>
      </c>
      <c r="B186" s="24"/>
      <c r="C186" s="25"/>
      <c r="D186" s="24"/>
      <c r="E186" s="25"/>
      <c r="F186" s="26"/>
      <c r="G186" s="27" t="str">
        <f t="shared" si="5"/>
        <v/>
      </c>
      <c r="H186" s="27"/>
      <c r="I186" s="28"/>
      <c r="J186" s="28"/>
      <c r="K186" s="29"/>
      <c r="L186" s="29"/>
      <c r="M186" s="29"/>
      <c r="N186" s="29"/>
      <c r="O186" s="28"/>
      <c r="P186" s="31"/>
      <c r="Q186" s="28"/>
      <c r="R186" s="26"/>
      <c r="S186" s="28"/>
      <c r="T186" s="28"/>
      <c r="U186" s="28"/>
      <c r="V186" s="28"/>
      <c r="W186" s="28"/>
      <c r="X186" s="26"/>
      <c r="Y186" s="28"/>
      <c r="Z186" s="28"/>
      <c r="AA186" s="28"/>
      <c r="AB186" s="28"/>
      <c r="AC186" s="28"/>
      <c r="AD186" s="31"/>
    </row>
    <row r="187" spans="1:30" ht="30" customHeight="1" x14ac:dyDescent="0.4">
      <c r="A187" s="41">
        <v>183</v>
      </c>
      <c r="B187" s="24"/>
      <c r="C187" s="25"/>
      <c r="D187" s="24"/>
      <c r="E187" s="25"/>
      <c r="F187" s="26"/>
      <c r="G187" s="27" t="str">
        <f t="shared" si="5"/>
        <v/>
      </c>
      <c r="H187" s="27"/>
      <c r="I187" s="28"/>
      <c r="J187" s="28"/>
      <c r="K187" s="29"/>
      <c r="L187" s="29"/>
      <c r="M187" s="29"/>
      <c r="N187" s="29"/>
      <c r="O187" s="28"/>
      <c r="P187" s="31"/>
      <c r="Q187" s="28"/>
      <c r="R187" s="26"/>
      <c r="S187" s="28"/>
      <c r="T187" s="28"/>
      <c r="U187" s="28"/>
      <c r="V187" s="28"/>
      <c r="W187" s="28"/>
      <c r="X187" s="26"/>
      <c r="Y187" s="28"/>
      <c r="Z187" s="28"/>
      <c r="AA187" s="28"/>
      <c r="AB187" s="28"/>
      <c r="AC187" s="28"/>
      <c r="AD187" s="31"/>
    </row>
    <row r="188" spans="1:30" ht="30" customHeight="1" x14ac:dyDescent="0.4">
      <c r="A188" s="41">
        <v>184</v>
      </c>
      <c r="B188" s="24"/>
      <c r="C188" s="25"/>
      <c r="D188" s="24"/>
      <c r="E188" s="25"/>
      <c r="F188" s="26"/>
      <c r="G188" s="27" t="str">
        <f t="shared" si="5"/>
        <v/>
      </c>
      <c r="H188" s="27"/>
      <c r="I188" s="28"/>
      <c r="J188" s="28"/>
      <c r="K188" s="29"/>
      <c r="L188" s="29"/>
      <c r="M188" s="29"/>
      <c r="N188" s="29"/>
      <c r="O188" s="28"/>
      <c r="P188" s="31"/>
      <c r="Q188" s="28"/>
      <c r="R188" s="26"/>
      <c r="S188" s="28"/>
      <c r="T188" s="28"/>
      <c r="U188" s="28"/>
      <c r="V188" s="28"/>
      <c r="W188" s="28"/>
      <c r="X188" s="26"/>
      <c r="Y188" s="28"/>
      <c r="Z188" s="28"/>
      <c r="AA188" s="28"/>
      <c r="AB188" s="28"/>
      <c r="AC188" s="28"/>
      <c r="AD188" s="31"/>
    </row>
    <row r="189" spans="1:30" ht="30" customHeight="1" x14ac:dyDescent="0.4">
      <c r="A189" s="41">
        <v>185</v>
      </c>
      <c r="B189" s="24"/>
      <c r="C189" s="25"/>
      <c r="D189" s="24"/>
      <c r="E189" s="25"/>
      <c r="F189" s="26"/>
      <c r="G189" s="27" t="str">
        <f t="shared" si="5"/>
        <v/>
      </c>
      <c r="H189" s="27"/>
      <c r="I189" s="28"/>
      <c r="J189" s="28"/>
      <c r="K189" s="29"/>
      <c r="L189" s="29"/>
      <c r="M189" s="29"/>
      <c r="N189" s="29"/>
      <c r="O189" s="28"/>
      <c r="P189" s="31"/>
      <c r="Q189" s="28"/>
      <c r="R189" s="26"/>
      <c r="S189" s="28"/>
      <c r="T189" s="28"/>
      <c r="U189" s="28"/>
      <c r="V189" s="28"/>
      <c r="W189" s="28"/>
      <c r="X189" s="26"/>
      <c r="Y189" s="28"/>
      <c r="Z189" s="28"/>
      <c r="AA189" s="28"/>
      <c r="AB189" s="28"/>
      <c r="AC189" s="28"/>
      <c r="AD189" s="31"/>
    </row>
    <row r="190" spans="1:30" ht="30" customHeight="1" x14ac:dyDescent="0.4">
      <c r="A190" s="41">
        <v>186</v>
      </c>
      <c r="B190" s="24"/>
      <c r="C190" s="25"/>
      <c r="D190" s="24"/>
      <c r="E190" s="25"/>
      <c r="F190" s="26"/>
      <c r="G190" s="27" t="str">
        <f t="shared" si="5"/>
        <v/>
      </c>
      <c r="H190" s="27"/>
      <c r="I190" s="28"/>
      <c r="J190" s="28"/>
      <c r="K190" s="29"/>
      <c r="L190" s="29"/>
      <c r="M190" s="29"/>
      <c r="N190" s="29"/>
      <c r="O190" s="28"/>
      <c r="P190" s="31"/>
      <c r="Q190" s="28"/>
      <c r="R190" s="26"/>
      <c r="S190" s="28"/>
      <c r="T190" s="28"/>
      <c r="U190" s="28"/>
      <c r="V190" s="28"/>
      <c r="W190" s="28"/>
      <c r="X190" s="26"/>
      <c r="Y190" s="28"/>
      <c r="Z190" s="28"/>
      <c r="AA190" s="28"/>
      <c r="AB190" s="28"/>
      <c r="AC190" s="28"/>
      <c r="AD190" s="31"/>
    </row>
    <row r="191" spans="1:30" ht="30" customHeight="1" x14ac:dyDescent="0.4">
      <c r="A191" s="41">
        <v>187</v>
      </c>
      <c r="B191" s="24"/>
      <c r="C191" s="25"/>
      <c r="D191" s="24"/>
      <c r="E191" s="25"/>
      <c r="F191" s="26"/>
      <c r="G191" s="27" t="str">
        <f t="shared" si="5"/>
        <v/>
      </c>
      <c r="H191" s="27"/>
      <c r="I191" s="28"/>
      <c r="J191" s="28"/>
      <c r="K191" s="29"/>
      <c r="L191" s="29"/>
      <c r="M191" s="29"/>
      <c r="N191" s="29"/>
      <c r="O191" s="28"/>
      <c r="P191" s="31"/>
      <c r="Q191" s="28"/>
      <c r="R191" s="26"/>
      <c r="S191" s="28"/>
      <c r="T191" s="28"/>
      <c r="U191" s="28"/>
      <c r="V191" s="28"/>
      <c r="W191" s="28"/>
      <c r="X191" s="26"/>
      <c r="Y191" s="28"/>
      <c r="Z191" s="28"/>
      <c r="AA191" s="28"/>
      <c r="AB191" s="28"/>
      <c r="AC191" s="28"/>
      <c r="AD191" s="31"/>
    </row>
    <row r="192" spans="1:30" ht="30" customHeight="1" x14ac:dyDescent="0.4">
      <c r="A192" s="41">
        <v>188</v>
      </c>
      <c r="B192" s="24"/>
      <c r="C192" s="25"/>
      <c r="D192" s="24"/>
      <c r="E192" s="25"/>
      <c r="F192" s="26"/>
      <c r="G192" s="27" t="str">
        <f t="shared" si="5"/>
        <v/>
      </c>
      <c r="H192" s="27"/>
      <c r="I192" s="28"/>
      <c r="J192" s="28"/>
      <c r="K192" s="29"/>
      <c r="L192" s="29"/>
      <c r="M192" s="29"/>
      <c r="N192" s="29"/>
      <c r="O192" s="28"/>
      <c r="P192" s="31"/>
      <c r="Q192" s="28"/>
      <c r="R192" s="26"/>
      <c r="S192" s="28"/>
      <c r="T192" s="28"/>
      <c r="U192" s="28"/>
      <c r="V192" s="28"/>
      <c r="W192" s="28"/>
      <c r="X192" s="26"/>
      <c r="Y192" s="28"/>
      <c r="Z192" s="28"/>
      <c r="AA192" s="28"/>
      <c r="AB192" s="28"/>
      <c r="AC192" s="28"/>
      <c r="AD192" s="31"/>
    </row>
    <row r="193" spans="1:30" ht="30" customHeight="1" x14ac:dyDescent="0.4">
      <c r="A193" s="41">
        <v>189</v>
      </c>
      <c r="B193" s="24"/>
      <c r="C193" s="25"/>
      <c r="D193" s="24"/>
      <c r="E193" s="25"/>
      <c r="F193" s="26"/>
      <c r="G193" s="27" t="str">
        <f t="shared" si="5"/>
        <v/>
      </c>
      <c r="H193" s="27"/>
      <c r="I193" s="28"/>
      <c r="J193" s="28"/>
      <c r="K193" s="29"/>
      <c r="L193" s="29"/>
      <c r="M193" s="29"/>
      <c r="N193" s="29"/>
      <c r="O193" s="28"/>
      <c r="P193" s="31"/>
      <c r="Q193" s="28"/>
      <c r="R193" s="26"/>
      <c r="S193" s="28"/>
      <c r="T193" s="28"/>
      <c r="U193" s="28"/>
      <c r="V193" s="28"/>
      <c r="W193" s="28"/>
      <c r="X193" s="26"/>
      <c r="Y193" s="28"/>
      <c r="Z193" s="28"/>
      <c r="AA193" s="28"/>
      <c r="AB193" s="28"/>
      <c r="AC193" s="28"/>
      <c r="AD193" s="31"/>
    </row>
    <row r="194" spans="1:30" ht="30" customHeight="1" x14ac:dyDescent="0.4">
      <c r="A194" s="41">
        <v>190</v>
      </c>
      <c r="B194" s="24"/>
      <c r="C194" s="25"/>
      <c r="D194" s="24"/>
      <c r="E194" s="25"/>
      <c r="F194" s="26"/>
      <c r="G194" s="27" t="str">
        <f t="shared" si="5"/>
        <v/>
      </c>
      <c r="H194" s="27"/>
      <c r="I194" s="28"/>
      <c r="J194" s="28"/>
      <c r="K194" s="29"/>
      <c r="L194" s="29"/>
      <c r="M194" s="29"/>
      <c r="N194" s="29"/>
      <c r="O194" s="28"/>
      <c r="P194" s="31"/>
      <c r="Q194" s="28"/>
      <c r="R194" s="26"/>
      <c r="S194" s="28"/>
      <c r="T194" s="28"/>
      <c r="U194" s="28"/>
      <c r="V194" s="28"/>
      <c r="W194" s="28"/>
      <c r="X194" s="26"/>
      <c r="Y194" s="28"/>
      <c r="Z194" s="28"/>
      <c r="AA194" s="28"/>
      <c r="AB194" s="28"/>
      <c r="AC194" s="28"/>
      <c r="AD194" s="31"/>
    </row>
    <row r="195" spans="1:30" ht="30" customHeight="1" x14ac:dyDescent="0.4">
      <c r="A195" s="41">
        <v>191</v>
      </c>
      <c r="B195" s="24"/>
      <c r="C195" s="25"/>
      <c r="D195" s="24"/>
      <c r="E195" s="25"/>
      <c r="F195" s="26"/>
      <c r="G195" s="27" t="str">
        <f t="shared" si="5"/>
        <v/>
      </c>
      <c r="H195" s="27"/>
      <c r="I195" s="28"/>
      <c r="J195" s="28"/>
      <c r="K195" s="29"/>
      <c r="L195" s="29"/>
      <c r="M195" s="29"/>
      <c r="N195" s="29"/>
      <c r="O195" s="28"/>
      <c r="P195" s="31"/>
      <c r="Q195" s="28"/>
      <c r="R195" s="26"/>
      <c r="S195" s="28"/>
      <c r="T195" s="28"/>
      <c r="U195" s="28"/>
      <c r="V195" s="28"/>
      <c r="W195" s="28"/>
      <c r="X195" s="26"/>
      <c r="Y195" s="28"/>
      <c r="Z195" s="28"/>
      <c r="AA195" s="28"/>
      <c r="AB195" s="28"/>
      <c r="AC195" s="28"/>
      <c r="AD195" s="31"/>
    </row>
    <row r="196" spans="1:30" ht="30" customHeight="1" x14ac:dyDescent="0.4">
      <c r="A196" s="41">
        <v>192</v>
      </c>
      <c r="B196" s="24"/>
      <c r="C196" s="25"/>
      <c r="D196" s="24"/>
      <c r="E196" s="25"/>
      <c r="F196" s="26"/>
      <c r="G196" s="27" t="str">
        <f t="shared" si="5"/>
        <v/>
      </c>
      <c r="H196" s="27"/>
      <c r="I196" s="28"/>
      <c r="J196" s="28"/>
      <c r="K196" s="29"/>
      <c r="L196" s="29"/>
      <c r="M196" s="29"/>
      <c r="N196" s="29"/>
      <c r="O196" s="28"/>
      <c r="P196" s="31"/>
      <c r="Q196" s="28"/>
      <c r="R196" s="26"/>
      <c r="S196" s="28"/>
      <c r="T196" s="28"/>
      <c r="U196" s="28"/>
      <c r="V196" s="28"/>
      <c r="W196" s="28"/>
      <c r="X196" s="26"/>
      <c r="Y196" s="28"/>
      <c r="Z196" s="28"/>
      <c r="AA196" s="28"/>
      <c r="AB196" s="28"/>
      <c r="AC196" s="28"/>
      <c r="AD196" s="31"/>
    </row>
    <row r="197" spans="1:30" ht="30" customHeight="1" x14ac:dyDescent="0.4">
      <c r="A197" s="41">
        <v>193</v>
      </c>
      <c r="B197" s="24"/>
      <c r="C197" s="25"/>
      <c r="D197" s="24"/>
      <c r="E197" s="25"/>
      <c r="F197" s="26"/>
      <c r="G197" s="27" t="str">
        <f t="shared" si="5"/>
        <v/>
      </c>
      <c r="H197" s="27"/>
      <c r="I197" s="28"/>
      <c r="J197" s="28"/>
      <c r="K197" s="29"/>
      <c r="L197" s="29"/>
      <c r="M197" s="29"/>
      <c r="N197" s="29"/>
      <c r="O197" s="28"/>
      <c r="P197" s="31"/>
      <c r="Q197" s="28"/>
      <c r="R197" s="26"/>
      <c r="S197" s="28"/>
      <c r="T197" s="28"/>
      <c r="U197" s="28"/>
      <c r="V197" s="28"/>
      <c r="W197" s="28"/>
      <c r="X197" s="26"/>
      <c r="Y197" s="28"/>
      <c r="Z197" s="28"/>
      <c r="AA197" s="28"/>
      <c r="AB197" s="28"/>
      <c r="AC197" s="28"/>
      <c r="AD197" s="31"/>
    </row>
    <row r="198" spans="1:30" ht="30" customHeight="1" x14ac:dyDescent="0.4">
      <c r="A198" s="41">
        <v>194</v>
      </c>
      <c r="B198" s="24"/>
      <c r="C198" s="25"/>
      <c r="D198" s="24"/>
      <c r="E198" s="25"/>
      <c r="F198" s="26"/>
      <c r="G198" s="27" t="str">
        <f t="shared" si="5"/>
        <v/>
      </c>
      <c r="H198" s="27"/>
      <c r="I198" s="28"/>
      <c r="J198" s="28"/>
      <c r="K198" s="29"/>
      <c r="L198" s="29"/>
      <c r="M198" s="29"/>
      <c r="N198" s="29"/>
      <c r="O198" s="28"/>
      <c r="P198" s="31"/>
      <c r="Q198" s="28"/>
      <c r="R198" s="26"/>
      <c r="S198" s="28"/>
      <c r="T198" s="28"/>
      <c r="U198" s="28"/>
      <c r="V198" s="28"/>
      <c r="W198" s="28"/>
      <c r="X198" s="26"/>
      <c r="Y198" s="28"/>
      <c r="Z198" s="28"/>
      <c r="AA198" s="28"/>
      <c r="AB198" s="28"/>
      <c r="AC198" s="28"/>
      <c r="AD198" s="31"/>
    </row>
    <row r="199" spans="1:30" ht="30" customHeight="1" x14ac:dyDescent="0.4">
      <c r="A199" s="41">
        <v>195</v>
      </c>
      <c r="B199" s="24"/>
      <c r="C199" s="25"/>
      <c r="D199" s="24"/>
      <c r="E199" s="25"/>
      <c r="F199" s="26"/>
      <c r="G199" s="27" t="str">
        <f t="shared" si="5"/>
        <v/>
      </c>
      <c r="H199" s="27"/>
      <c r="I199" s="28"/>
      <c r="J199" s="28"/>
      <c r="K199" s="29"/>
      <c r="L199" s="29"/>
      <c r="M199" s="29"/>
      <c r="N199" s="29"/>
      <c r="O199" s="28"/>
      <c r="P199" s="31"/>
      <c r="Q199" s="28"/>
      <c r="R199" s="26"/>
      <c r="S199" s="28"/>
      <c r="T199" s="28"/>
      <c r="U199" s="28"/>
      <c r="V199" s="28"/>
      <c r="W199" s="28"/>
      <c r="X199" s="26"/>
      <c r="Y199" s="28"/>
      <c r="Z199" s="28"/>
      <c r="AA199" s="28"/>
      <c r="AB199" s="28"/>
      <c r="AC199" s="28"/>
      <c r="AD199" s="31"/>
    </row>
    <row r="200" spans="1:30" ht="30" customHeight="1" x14ac:dyDescent="0.4">
      <c r="A200" s="41">
        <v>196</v>
      </c>
      <c r="B200" s="24"/>
      <c r="C200" s="25"/>
      <c r="D200" s="24"/>
      <c r="E200" s="25"/>
      <c r="F200" s="26"/>
      <c r="G200" s="27" t="str">
        <f t="shared" ref="G200:G204" si="6">IF(F200="","",DATEDIF(F200,$F$2,"Y"))</f>
        <v/>
      </c>
      <c r="H200" s="27"/>
      <c r="I200" s="28"/>
      <c r="J200" s="28"/>
      <c r="K200" s="29"/>
      <c r="L200" s="29"/>
      <c r="M200" s="29"/>
      <c r="N200" s="29"/>
      <c r="O200" s="28"/>
      <c r="P200" s="31"/>
      <c r="Q200" s="28"/>
      <c r="R200" s="26"/>
      <c r="S200" s="28"/>
      <c r="T200" s="28"/>
      <c r="U200" s="28"/>
      <c r="V200" s="28"/>
      <c r="W200" s="28"/>
      <c r="X200" s="26"/>
      <c r="Y200" s="28"/>
      <c r="Z200" s="28"/>
      <c r="AA200" s="28"/>
      <c r="AB200" s="28"/>
      <c r="AC200" s="28"/>
      <c r="AD200" s="31"/>
    </row>
    <row r="201" spans="1:30" ht="30" customHeight="1" x14ac:dyDescent="0.4">
      <c r="A201" s="41">
        <v>197</v>
      </c>
      <c r="B201" s="24"/>
      <c r="C201" s="25"/>
      <c r="D201" s="24"/>
      <c r="E201" s="25"/>
      <c r="F201" s="26"/>
      <c r="G201" s="27" t="str">
        <f t="shared" si="6"/>
        <v/>
      </c>
      <c r="H201" s="27"/>
      <c r="I201" s="28"/>
      <c r="J201" s="28"/>
      <c r="K201" s="29"/>
      <c r="L201" s="29"/>
      <c r="M201" s="29"/>
      <c r="N201" s="29"/>
      <c r="O201" s="28"/>
      <c r="P201" s="31"/>
      <c r="Q201" s="28"/>
      <c r="R201" s="26"/>
      <c r="S201" s="28"/>
      <c r="T201" s="28"/>
      <c r="U201" s="28"/>
      <c r="V201" s="28"/>
      <c r="W201" s="28"/>
      <c r="X201" s="26"/>
      <c r="Y201" s="28"/>
      <c r="Z201" s="28"/>
      <c r="AA201" s="28"/>
      <c r="AB201" s="28"/>
      <c r="AC201" s="28"/>
      <c r="AD201" s="31"/>
    </row>
    <row r="202" spans="1:30" ht="30" customHeight="1" x14ac:dyDescent="0.4">
      <c r="A202" s="41">
        <v>198</v>
      </c>
      <c r="B202" s="24"/>
      <c r="C202" s="25"/>
      <c r="D202" s="24"/>
      <c r="E202" s="25"/>
      <c r="F202" s="26"/>
      <c r="G202" s="27" t="str">
        <f t="shared" si="6"/>
        <v/>
      </c>
      <c r="H202" s="27"/>
      <c r="I202" s="28"/>
      <c r="J202" s="28"/>
      <c r="K202" s="29"/>
      <c r="L202" s="29"/>
      <c r="M202" s="29"/>
      <c r="N202" s="29"/>
      <c r="O202" s="28"/>
      <c r="P202" s="31"/>
      <c r="Q202" s="28"/>
      <c r="R202" s="26"/>
      <c r="S202" s="28"/>
      <c r="T202" s="28"/>
      <c r="U202" s="28"/>
      <c r="V202" s="28"/>
      <c r="W202" s="28"/>
      <c r="X202" s="26"/>
      <c r="Y202" s="28"/>
      <c r="Z202" s="28"/>
      <c r="AA202" s="28"/>
      <c r="AB202" s="28"/>
      <c r="AC202" s="28"/>
      <c r="AD202" s="31"/>
    </row>
    <row r="203" spans="1:30" ht="30" customHeight="1" x14ac:dyDescent="0.4">
      <c r="A203" s="41">
        <v>199</v>
      </c>
      <c r="B203" s="24"/>
      <c r="C203" s="25"/>
      <c r="D203" s="24"/>
      <c r="E203" s="25"/>
      <c r="F203" s="26"/>
      <c r="G203" s="27" t="str">
        <f t="shared" si="6"/>
        <v/>
      </c>
      <c r="H203" s="27"/>
      <c r="I203" s="28"/>
      <c r="J203" s="28"/>
      <c r="K203" s="29"/>
      <c r="L203" s="29"/>
      <c r="M203" s="29"/>
      <c r="N203" s="29"/>
      <c r="O203" s="28"/>
      <c r="P203" s="31"/>
      <c r="Q203" s="28"/>
      <c r="R203" s="26"/>
      <c r="S203" s="28"/>
      <c r="T203" s="28"/>
      <c r="U203" s="28"/>
      <c r="V203" s="28"/>
      <c r="W203" s="28"/>
      <c r="X203" s="26"/>
      <c r="Y203" s="28"/>
      <c r="Z203" s="28"/>
      <c r="AA203" s="28"/>
      <c r="AB203" s="28"/>
      <c r="AC203" s="28"/>
      <c r="AD203" s="31"/>
    </row>
    <row r="204" spans="1:30" ht="30" customHeight="1" x14ac:dyDescent="0.4">
      <c r="A204" s="41">
        <v>200</v>
      </c>
      <c r="B204" s="24"/>
      <c r="C204" s="25"/>
      <c r="D204" s="24"/>
      <c r="E204" s="25"/>
      <c r="F204" s="26"/>
      <c r="G204" s="27" t="str">
        <f t="shared" si="6"/>
        <v/>
      </c>
      <c r="H204" s="27"/>
      <c r="I204" s="28"/>
      <c r="J204" s="28"/>
      <c r="K204" s="29"/>
      <c r="L204" s="29"/>
      <c r="M204" s="29"/>
      <c r="N204" s="29"/>
      <c r="O204" s="28"/>
      <c r="P204" s="31"/>
      <c r="Q204" s="28"/>
      <c r="R204" s="26"/>
      <c r="S204" s="28"/>
      <c r="T204" s="28"/>
      <c r="U204" s="28"/>
      <c r="V204" s="28"/>
      <c r="W204" s="28"/>
      <c r="X204" s="26"/>
      <c r="Y204" s="28"/>
      <c r="Z204" s="28"/>
      <c r="AA204" s="28"/>
      <c r="AB204" s="28"/>
      <c r="AC204" s="28"/>
      <c r="AD204" s="31"/>
    </row>
  </sheetData>
  <mergeCells count="7">
    <mergeCell ref="A3:A4"/>
    <mergeCell ref="R3:W3"/>
    <mergeCell ref="X3:AC3"/>
    <mergeCell ref="AD3:AD4"/>
    <mergeCell ref="B4:C4"/>
    <mergeCell ref="D4:E4"/>
    <mergeCell ref="B3:Q3"/>
  </mergeCells>
  <phoneticPr fontId="2"/>
  <dataValidations count="6">
    <dataValidation type="list" allowBlank="1" showInputMessage="1" showErrorMessage="1" sqref="K5:K204">
      <formula1>"高齢者,基礎疾患,一般"</formula1>
    </dataValidation>
    <dataValidation type="list" allowBlank="1" showInputMessage="1" showErrorMessage="1" sqref="I5:I204">
      <formula1>"希望する,希望しない"</formula1>
    </dataValidation>
    <dataValidation type="list" allowBlank="1" showInputMessage="1" showErrorMessage="1" sqref="Y5:AC204 S5:W204 L5:M204">
      <formula1>#REF!</formula1>
    </dataValidation>
    <dataValidation type="list" allowBlank="1" showInputMessage="1" showErrorMessage="1" sqref="J5:J204">
      <formula1>"本人,家族,嘱託医,かかりつけ医,協力医療機関,その他"</formula1>
    </dataValidation>
    <dataValidation type="list" allowBlank="1" showInputMessage="1" showErrorMessage="1" sqref="H5">
      <formula1>"利用者,従事者"</formula1>
    </dataValidation>
    <dataValidation type="list" allowBlank="1" showInputMessage="1" showErrorMessage="1" sqref="O5:O204">
      <formula1>"名古屋市が設置する接種会場で接種,かかりつけ医、協力医療機関等で接種,嘱託医等による施設内接種が可能,接種医師を確保し巡回接種が可能,名古屋市による接種医の派遣調整を希望"</formula1>
    </dataValidation>
  </dataValidations>
  <pageMargins left="0.70866141732283472" right="0.70866141732283472" top="0.74803149606299213" bottom="0.74803149606299213" header="0.31496062992125984" footer="0.31496062992125984"/>
  <pageSetup paperSize="8" scale="41" fitToHeight="0" orientation="landscape"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1742"/>
  <sheetViews>
    <sheetView workbookViewId="0">
      <selection activeCell="J1" sqref="J1"/>
    </sheetView>
  </sheetViews>
  <sheetFormatPr defaultRowHeight="18.75" x14ac:dyDescent="0.4"/>
  <cols>
    <col min="1" max="1" width="38" bestFit="1" customWidth="1"/>
    <col min="5" max="5" width="10.875" bestFit="1" customWidth="1"/>
  </cols>
  <sheetData>
    <row r="1" spans="1:11" x14ac:dyDescent="0.4">
      <c r="A1" t="s">
        <v>1982</v>
      </c>
      <c r="B1" t="s">
        <v>1983</v>
      </c>
      <c r="D1" t="s">
        <v>5287</v>
      </c>
      <c r="E1" t="s">
        <v>5293</v>
      </c>
      <c r="G1" t="s">
        <v>5289</v>
      </c>
      <c r="H1" t="s">
        <v>5297</v>
      </c>
      <c r="J1" t="s">
        <v>5290</v>
      </c>
      <c r="K1" t="s">
        <v>5302</v>
      </c>
    </row>
    <row r="2" spans="1:11" x14ac:dyDescent="0.4">
      <c r="A2" t="s">
        <v>1984</v>
      </c>
      <c r="B2" t="s">
        <v>1803</v>
      </c>
      <c r="D2" t="s">
        <v>5288</v>
      </c>
      <c r="E2" t="s">
        <v>5294</v>
      </c>
      <c r="G2" t="s">
        <v>5291</v>
      </c>
      <c r="H2" t="s">
        <v>5298</v>
      </c>
      <c r="J2" t="s">
        <v>5292</v>
      </c>
      <c r="K2" t="s">
        <v>5303</v>
      </c>
    </row>
    <row r="3" spans="1:11" x14ac:dyDescent="0.4">
      <c r="A3" t="s">
        <v>1985</v>
      </c>
      <c r="B3" t="s">
        <v>1804</v>
      </c>
      <c r="D3" t="s">
        <v>5296</v>
      </c>
      <c r="E3" t="s">
        <v>5295</v>
      </c>
      <c r="G3" t="s">
        <v>5299</v>
      </c>
      <c r="H3" t="s">
        <v>5300</v>
      </c>
      <c r="J3" t="s">
        <v>5301</v>
      </c>
      <c r="K3" t="s">
        <v>5304</v>
      </c>
    </row>
    <row r="4" spans="1:11" x14ac:dyDescent="0.4">
      <c r="A4" t="s">
        <v>1986</v>
      </c>
      <c r="B4" t="s">
        <v>1805</v>
      </c>
    </row>
    <row r="5" spans="1:11" x14ac:dyDescent="0.4">
      <c r="A5" t="s">
        <v>1987</v>
      </c>
      <c r="B5" t="s">
        <v>1806</v>
      </c>
    </row>
    <row r="6" spans="1:11" x14ac:dyDescent="0.4">
      <c r="A6" t="s">
        <v>1988</v>
      </c>
      <c r="B6" t="s">
        <v>1807</v>
      </c>
    </row>
    <row r="7" spans="1:11" x14ac:dyDescent="0.4">
      <c r="A7" t="s">
        <v>1989</v>
      </c>
      <c r="B7" t="s">
        <v>1808</v>
      </c>
    </row>
    <row r="8" spans="1:11" x14ac:dyDescent="0.4">
      <c r="A8" t="s">
        <v>1990</v>
      </c>
      <c r="B8" t="s">
        <v>1809</v>
      </c>
    </row>
    <row r="9" spans="1:11" x14ac:dyDescent="0.4">
      <c r="A9" t="s">
        <v>1991</v>
      </c>
      <c r="B9" t="s">
        <v>1810</v>
      </c>
    </row>
    <row r="10" spans="1:11" x14ac:dyDescent="0.4">
      <c r="A10" t="s">
        <v>1992</v>
      </c>
      <c r="B10" t="s">
        <v>1811</v>
      </c>
    </row>
    <row r="11" spans="1:11" x14ac:dyDescent="0.4">
      <c r="A11" t="s">
        <v>1993</v>
      </c>
      <c r="B11" t="s">
        <v>1812</v>
      </c>
    </row>
    <row r="12" spans="1:11" x14ac:dyDescent="0.4">
      <c r="A12" t="s">
        <v>1994</v>
      </c>
      <c r="B12" t="s">
        <v>1813</v>
      </c>
    </row>
    <row r="13" spans="1:11" x14ac:dyDescent="0.4">
      <c r="A13" t="s">
        <v>1995</v>
      </c>
      <c r="B13" t="s">
        <v>1814</v>
      </c>
    </row>
    <row r="14" spans="1:11" x14ac:dyDescent="0.4">
      <c r="A14" t="s">
        <v>1996</v>
      </c>
      <c r="B14" t="s">
        <v>1815</v>
      </c>
    </row>
    <row r="15" spans="1:11" x14ac:dyDescent="0.4">
      <c r="A15" t="s">
        <v>1997</v>
      </c>
      <c r="B15" t="s">
        <v>1816</v>
      </c>
    </row>
    <row r="16" spans="1:11" x14ac:dyDescent="0.4">
      <c r="A16" t="s">
        <v>1998</v>
      </c>
      <c r="B16" t="s">
        <v>1817</v>
      </c>
    </row>
    <row r="17" spans="1:2" x14ac:dyDescent="0.4">
      <c r="A17" t="s">
        <v>1999</v>
      </c>
      <c r="B17" t="s">
        <v>1818</v>
      </c>
    </row>
    <row r="18" spans="1:2" x14ac:dyDescent="0.4">
      <c r="A18" t="s">
        <v>2000</v>
      </c>
      <c r="B18" t="s">
        <v>1819</v>
      </c>
    </row>
    <row r="19" spans="1:2" x14ac:dyDescent="0.4">
      <c r="A19" t="s">
        <v>2001</v>
      </c>
      <c r="B19" t="s">
        <v>1820</v>
      </c>
    </row>
    <row r="20" spans="1:2" x14ac:dyDescent="0.4">
      <c r="A20" t="s">
        <v>2002</v>
      </c>
      <c r="B20" t="s">
        <v>1821</v>
      </c>
    </row>
    <row r="21" spans="1:2" x14ac:dyDescent="0.4">
      <c r="A21" t="s">
        <v>2003</v>
      </c>
      <c r="B21" t="s">
        <v>1822</v>
      </c>
    </row>
    <row r="22" spans="1:2" x14ac:dyDescent="0.4">
      <c r="A22" t="s">
        <v>2004</v>
      </c>
      <c r="B22" t="s">
        <v>1823</v>
      </c>
    </row>
    <row r="23" spans="1:2" x14ac:dyDescent="0.4">
      <c r="A23" t="s">
        <v>2005</v>
      </c>
      <c r="B23" t="s">
        <v>1824</v>
      </c>
    </row>
    <row r="24" spans="1:2" x14ac:dyDescent="0.4">
      <c r="A24" t="s">
        <v>2006</v>
      </c>
      <c r="B24" t="s">
        <v>1825</v>
      </c>
    </row>
    <row r="25" spans="1:2" x14ac:dyDescent="0.4">
      <c r="A25" t="s">
        <v>2007</v>
      </c>
      <c r="B25" t="s">
        <v>1826</v>
      </c>
    </row>
    <row r="26" spans="1:2" x14ac:dyDescent="0.4">
      <c r="A26" t="s">
        <v>2008</v>
      </c>
      <c r="B26" t="s">
        <v>1827</v>
      </c>
    </row>
    <row r="27" spans="1:2" x14ac:dyDescent="0.4">
      <c r="A27" t="s">
        <v>2009</v>
      </c>
      <c r="B27" t="s">
        <v>1828</v>
      </c>
    </row>
    <row r="28" spans="1:2" x14ac:dyDescent="0.4">
      <c r="A28" t="s">
        <v>2010</v>
      </c>
      <c r="B28" t="s">
        <v>1829</v>
      </c>
    </row>
    <row r="29" spans="1:2" x14ac:dyDescent="0.4">
      <c r="A29" t="s">
        <v>2011</v>
      </c>
      <c r="B29" t="s">
        <v>1830</v>
      </c>
    </row>
    <row r="30" spans="1:2" x14ac:dyDescent="0.4">
      <c r="A30" t="s">
        <v>2012</v>
      </c>
      <c r="B30" t="s">
        <v>1831</v>
      </c>
    </row>
    <row r="31" spans="1:2" x14ac:dyDescent="0.4">
      <c r="A31" t="s">
        <v>2013</v>
      </c>
      <c r="B31" t="s">
        <v>1832</v>
      </c>
    </row>
    <row r="32" spans="1:2" x14ac:dyDescent="0.4">
      <c r="A32" t="s">
        <v>2014</v>
      </c>
      <c r="B32" t="s">
        <v>1833</v>
      </c>
    </row>
    <row r="33" spans="1:2" x14ac:dyDescent="0.4">
      <c r="A33" t="s">
        <v>2015</v>
      </c>
      <c r="B33" t="s">
        <v>1834</v>
      </c>
    </row>
    <row r="34" spans="1:2" x14ac:dyDescent="0.4">
      <c r="A34" t="s">
        <v>2016</v>
      </c>
      <c r="B34" t="s">
        <v>1835</v>
      </c>
    </row>
    <row r="35" spans="1:2" x14ac:dyDescent="0.4">
      <c r="A35" t="s">
        <v>2017</v>
      </c>
      <c r="B35" t="s">
        <v>1836</v>
      </c>
    </row>
    <row r="36" spans="1:2" x14ac:dyDescent="0.4">
      <c r="A36" t="s">
        <v>2018</v>
      </c>
      <c r="B36" t="s">
        <v>1837</v>
      </c>
    </row>
    <row r="37" spans="1:2" x14ac:dyDescent="0.4">
      <c r="A37" t="s">
        <v>2019</v>
      </c>
      <c r="B37" t="s">
        <v>1838</v>
      </c>
    </row>
    <row r="38" spans="1:2" x14ac:dyDescent="0.4">
      <c r="A38" t="s">
        <v>2020</v>
      </c>
      <c r="B38" t="s">
        <v>1839</v>
      </c>
    </row>
    <row r="39" spans="1:2" x14ac:dyDescent="0.4">
      <c r="A39" t="s">
        <v>2021</v>
      </c>
      <c r="B39" t="s">
        <v>1840</v>
      </c>
    </row>
    <row r="40" spans="1:2" x14ac:dyDescent="0.4">
      <c r="A40" t="s">
        <v>2022</v>
      </c>
      <c r="B40" t="s">
        <v>1841</v>
      </c>
    </row>
    <row r="41" spans="1:2" x14ac:dyDescent="0.4">
      <c r="A41" t="s">
        <v>2023</v>
      </c>
      <c r="B41" t="s">
        <v>1842</v>
      </c>
    </row>
    <row r="42" spans="1:2" x14ac:dyDescent="0.4">
      <c r="A42" t="s">
        <v>2024</v>
      </c>
      <c r="B42" t="s">
        <v>1843</v>
      </c>
    </row>
    <row r="43" spans="1:2" x14ac:dyDescent="0.4">
      <c r="A43" t="s">
        <v>2025</v>
      </c>
      <c r="B43" t="s">
        <v>1844</v>
      </c>
    </row>
    <row r="44" spans="1:2" x14ac:dyDescent="0.4">
      <c r="A44" t="s">
        <v>2026</v>
      </c>
      <c r="B44" t="s">
        <v>1845</v>
      </c>
    </row>
    <row r="45" spans="1:2" x14ac:dyDescent="0.4">
      <c r="A45" t="s">
        <v>2027</v>
      </c>
      <c r="B45" t="s">
        <v>1846</v>
      </c>
    </row>
    <row r="46" spans="1:2" x14ac:dyDescent="0.4">
      <c r="A46" t="s">
        <v>2028</v>
      </c>
      <c r="B46" t="s">
        <v>1847</v>
      </c>
    </row>
    <row r="47" spans="1:2" x14ac:dyDescent="0.4">
      <c r="A47" t="s">
        <v>2029</v>
      </c>
      <c r="B47" t="s">
        <v>1848</v>
      </c>
    </row>
    <row r="48" spans="1:2" x14ac:dyDescent="0.4">
      <c r="A48" t="s">
        <v>2030</v>
      </c>
      <c r="B48" t="s">
        <v>1849</v>
      </c>
    </row>
    <row r="49" spans="1:2" x14ac:dyDescent="0.4">
      <c r="A49" t="s">
        <v>2031</v>
      </c>
      <c r="B49" t="s">
        <v>1850</v>
      </c>
    </row>
    <row r="50" spans="1:2" x14ac:dyDescent="0.4">
      <c r="A50" t="s">
        <v>2032</v>
      </c>
      <c r="B50" t="s">
        <v>1851</v>
      </c>
    </row>
    <row r="51" spans="1:2" x14ac:dyDescent="0.4">
      <c r="A51" t="s">
        <v>2033</v>
      </c>
      <c r="B51" t="s">
        <v>1852</v>
      </c>
    </row>
    <row r="52" spans="1:2" x14ac:dyDescent="0.4">
      <c r="A52" t="s">
        <v>2034</v>
      </c>
      <c r="B52" t="s">
        <v>1853</v>
      </c>
    </row>
    <row r="53" spans="1:2" x14ac:dyDescent="0.4">
      <c r="A53" t="s">
        <v>2035</v>
      </c>
      <c r="B53" t="s">
        <v>1854</v>
      </c>
    </row>
    <row r="54" spans="1:2" x14ac:dyDescent="0.4">
      <c r="A54" t="s">
        <v>2036</v>
      </c>
      <c r="B54" t="s">
        <v>1855</v>
      </c>
    </row>
    <row r="55" spans="1:2" x14ac:dyDescent="0.4">
      <c r="A55" t="s">
        <v>2037</v>
      </c>
      <c r="B55" t="s">
        <v>1856</v>
      </c>
    </row>
    <row r="56" spans="1:2" x14ac:dyDescent="0.4">
      <c r="A56" t="s">
        <v>2038</v>
      </c>
      <c r="B56" t="s">
        <v>1857</v>
      </c>
    </row>
    <row r="57" spans="1:2" x14ac:dyDescent="0.4">
      <c r="A57" t="s">
        <v>2039</v>
      </c>
      <c r="B57" t="s">
        <v>1858</v>
      </c>
    </row>
    <row r="58" spans="1:2" x14ac:dyDescent="0.4">
      <c r="A58" t="s">
        <v>2040</v>
      </c>
      <c r="B58" t="s">
        <v>1859</v>
      </c>
    </row>
    <row r="59" spans="1:2" x14ac:dyDescent="0.4">
      <c r="A59" t="s">
        <v>2041</v>
      </c>
      <c r="B59" t="s">
        <v>1860</v>
      </c>
    </row>
    <row r="60" spans="1:2" x14ac:dyDescent="0.4">
      <c r="A60" t="s">
        <v>2042</v>
      </c>
      <c r="B60" t="s">
        <v>1861</v>
      </c>
    </row>
    <row r="61" spans="1:2" x14ac:dyDescent="0.4">
      <c r="A61" t="s">
        <v>2043</v>
      </c>
      <c r="B61" t="s">
        <v>1862</v>
      </c>
    </row>
    <row r="62" spans="1:2" x14ac:dyDescent="0.4">
      <c r="A62" t="s">
        <v>2044</v>
      </c>
      <c r="B62" t="s">
        <v>1863</v>
      </c>
    </row>
    <row r="63" spans="1:2" x14ac:dyDescent="0.4">
      <c r="A63" t="s">
        <v>2045</v>
      </c>
      <c r="B63" t="s">
        <v>1864</v>
      </c>
    </row>
    <row r="64" spans="1:2" x14ac:dyDescent="0.4">
      <c r="A64" t="s">
        <v>2046</v>
      </c>
      <c r="B64" t="s">
        <v>1865</v>
      </c>
    </row>
    <row r="65" spans="1:2" x14ac:dyDescent="0.4">
      <c r="A65" t="s">
        <v>2047</v>
      </c>
      <c r="B65" t="s">
        <v>1866</v>
      </c>
    </row>
    <row r="66" spans="1:2" x14ac:dyDescent="0.4">
      <c r="A66" t="s">
        <v>2048</v>
      </c>
      <c r="B66" t="s">
        <v>1867</v>
      </c>
    </row>
    <row r="67" spans="1:2" x14ac:dyDescent="0.4">
      <c r="A67" t="s">
        <v>2049</v>
      </c>
      <c r="B67" t="s">
        <v>1868</v>
      </c>
    </row>
    <row r="68" spans="1:2" x14ac:dyDescent="0.4">
      <c r="A68" t="s">
        <v>2050</v>
      </c>
      <c r="B68" t="s">
        <v>1869</v>
      </c>
    </row>
    <row r="69" spans="1:2" x14ac:dyDescent="0.4">
      <c r="A69" t="s">
        <v>2051</v>
      </c>
      <c r="B69" t="s">
        <v>1870</v>
      </c>
    </row>
    <row r="70" spans="1:2" x14ac:dyDescent="0.4">
      <c r="A70" t="s">
        <v>2052</v>
      </c>
      <c r="B70" t="s">
        <v>1871</v>
      </c>
    </row>
    <row r="71" spans="1:2" x14ac:dyDescent="0.4">
      <c r="A71" t="s">
        <v>2053</v>
      </c>
      <c r="B71" t="s">
        <v>1872</v>
      </c>
    </row>
    <row r="72" spans="1:2" x14ac:dyDescent="0.4">
      <c r="A72" t="s">
        <v>2054</v>
      </c>
      <c r="B72" t="s">
        <v>1873</v>
      </c>
    </row>
    <row r="73" spans="1:2" x14ac:dyDescent="0.4">
      <c r="A73" t="s">
        <v>2055</v>
      </c>
      <c r="B73" t="s">
        <v>1874</v>
      </c>
    </row>
    <row r="74" spans="1:2" x14ac:dyDescent="0.4">
      <c r="A74" t="s">
        <v>2056</v>
      </c>
      <c r="B74" t="s">
        <v>1875</v>
      </c>
    </row>
    <row r="75" spans="1:2" x14ac:dyDescent="0.4">
      <c r="A75" t="s">
        <v>2057</v>
      </c>
      <c r="B75" t="s">
        <v>1876</v>
      </c>
    </row>
    <row r="76" spans="1:2" x14ac:dyDescent="0.4">
      <c r="A76" t="s">
        <v>2058</v>
      </c>
      <c r="B76" t="s">
        <v>1877</v>
      </c>
    </row>
    <row r="77" spans="1:2" x14ac:dyDescent="0.4">
      <c r="A77" t="s">
        <v>2059</v>
      </c>
      <c r="B77" t="s">
        <v>1878</v>
      </c>
    </row>
    <row r="78" spans="1:2" x14ac:dyDescent="0.4">
      <c r="A78" t="s">
        <v>2060</v>
      </c>
      <c r="B78" t="s">
        <v>1879</v>
      </c>
    </row>
    <row r="79" spans="1:2" x14ac:dyDescent="0.4">
      <c r="A79" t="s">
        <v>2061</v>
      </c>
      <c r="B79" t="s">
        <v>1880</v>
      </c>
    </row>
    <row r="80" spans="1:2" x14ac:dyDescent="0.4">
      <c r="A80" t="s">
        <v>2062</v>
      </c>
      <c r="B80" t="s">
        <v>1881</v>
      </c>
    </row>
    <row r="81" spans="1:2" x14ac:dyDescent="0.4">
      <c r="A81" t="s">
        <v>2063</v>
      </c>
      <c r="B81" t="s">
        <v>1882</v>
      </c>
    </row>
    <row r="82" spans="1:2" x14ac:dyDescent="0.4">
      <c r="A82" t="s">
        <v>2064</v>
      </c>
      <c r="B82" t="s">
        <v>1883</v>
      </c>
    </row>
    <row r="83" spans="1:2" x14ac:dyDescent="0.4">
      <c r="A83" t="s">
        <v>2065</v>
      </c>
      <c r="B83" t="s">
        <v>1884</v>
      </c>
    </row>
    <row r="84" spans="1:2" x14ac:dyDescent="0.4">
      <c r="A84" t="s">
        <v>2066</v>
      </c>
      <c r="B84" t="s">
        <v>1885</v>
      </c>
    </row>
    <row r="85" spans="1:2" x14ac:dyDescent="0.4">
      <c r="A85" t="s">
        <v>2067</v>
      </c>
      <c r="B85" t="s">
        <v>1886</v>
      </c>
    </row>
    <row r="86" spans="1:2" x14ac:dyDescent="0.4">
      <c r="A86" t="s">
        <v>2068</v>
      </c>
      <c r="B86" t="s">
        <v>1887</v>
      </c>
    </row>
    <row r="87" spans="1:2" x14ac:dyDescent="0.4">
      <c r="A87" t="s">
        <v>2069</v>
      </c>
      <c r="B87" t="s">
        <v>1888</v>
      </c>
    </row>
    <row r="88" spans="1:2" x14ac:dyDescent="0.4">
      <c r="A88" t="s">
        <v>2070</v>
      </c>
      <c r="B88" t="s">
        <v>1889</v>
      </c>
    </row>
    <row r="89" spans="1:2" x14ac:dyDescent="0.4">
      <c r="A89" t="s">
        <v>2071</v>
      </c>
      <c r="B89" t="s">
        <v>1890</v>
      </c>
    </row>
    <row r="90" spans="1:2" x14ac:dyDescent="0.4">
      <c r="A90" t="s">
        <v>2072</v>
      </c>
      <c r="B90" t="s">
        <v>1891</v>
      </c>
    </row>
    <row r="91" spans="1:2" x14ac:dyDescent="0.4">
      <c r="A91" t="s">
        <v>2073</v>
      </c>
      <c r="B91" t="s">
        <v>1892</v>
      </c>
    </row>
    <row r="92" spans="1:2" x14ac:dyDescent="0.4">
      <c r="A92" t="s">
        <v>2074</v>
      </c>
      <c r="B92" t="s">
        <v>1893</v>
      </c>
    </row>
    <row r="93" spans="1:2" x14ac:dyDescent="0.4">
      <c r="A93" t="s">
        <v>2075</v>
      </c>
      <c r="B93" t="s">
        <v>1894</v>
      </c>
    </row>
    <row r="94" spans="1:2" x14ac:dyDescent="0.4">
      <c r="A94" t="s">
        <v>2076</v>
      </c>
      <c r="B94" t="s">
        <v>1895</v>
      </c>
    </row>
    <row r="95" spans="1:2" x14ac:dyDescent="0.4">
      <c r="A95" t="s">
        <v>2077</v>
      </c>
      <c r="B95" t="s">
        <v>1896</v>
      </c>
    </row>
    <row r="96" spans="1:2" x14ac:dyDescent="0.4">
      <c r="A96" t="s">
        <v>2078</v>
      </c>
      <c r="B96" t="s">
        <v>1897</v>
      </c>
    </row>
    <row r="97" spans="1:2" x14ac:dyDescent="0.4">
      <c r="A97" t="s">
        <v>2079</v>
      </c>
      <c r="B97" t="s">
        <v>1898</v>
      </c>
    </row>
    <row r="98" spans="1:2" x14ac:dyDescent="0.4">
      <c r="A98" t="s">
        <v>2080</v>
      </c>
      <c r="B98" t="s">
        <v>1899</v>
      </c>
    </row>
    <row r="99" spans="1:2" x14ac:dyDescent="0.4">
      <c r="A99" t="s">
        <v>2081</v>
      </c>
      <c r="B99" t="s">
        <v>1900</v>
      </c>
    </row>
    <row r="100" spans="1:2" x14ac:dyDescent="0.4">
      <c r="A100" t="s">
        <v>2082</v>
      </c>
      <c r="B100" t="s">
        <v>1901</v>
      </c>
    </row>
    <row r="101" spans="1:2" x14ac:dyDescent="0.4">
      <c r="A101" t="s">
        <v>2083</v>
      </c>
      <c r="B101" t="s">
        <v>1902</v>
      </c>
    </row>
    <row r="102" spans="1:2" x14ac:dyDescent="0.4">
      <c r="A102" t="s">
        <v>2084</v>
      </c>
      <c r="B102" t="s">
        <v>1903</v>
      </c>
    </row>
    <row r="103" spans="1:2" x14ac:dyDescent="0.4">
      <c r="A103" t="s">
        <v>2085</v>
      </c>
      <c r="B103" t="s">
        <v>1904</v>
      </c>
    </row>
    <row r="104" spans="1:2" x14ac:dyDescent="0.4">
      <c r="A104" t="s">
        <v>2086</v>
      </c>
      <c r="B104" t="s">
        <v>1905</v>
      </c>
    </row>
    <row r="105" spans="1:2" x14ac:dyDescent="0.4">
      <c r="A105" t="s">
        <v>2087</v>
      </c>
      <c r="B105" t="s">
        <v>1906</v>
      </c>
    </row>
    <row r="106" spans="1:2" x14ac:dyDescent="0.4">
      <c r="A106" t="s">
        <v>2088</v>
      </c>
      <c r="B106" t="s">
        <v>1907</v>
      </c>
    </row>
    <row r="107" spans="1:2" x14ac:dyDescent="0.4">
      <c r="A107" t="s">
        <v>2089</v>
      </c>
      <c r="B107" t="s">
        <v>1908</v>
      </c>
    </row>
    <row r="108" spans="1:2" x14ac:dyDescent="0.4">
      <c r="A108" t="s">
        <v>2090</v>
      </c>
      <c r="B108" t="s">
        <v>1909</v>
      </c>
    </row>
    <row r="109" spans="1:2" x14ac:dyDescent="0.4">
      <c r="A109" t="s">
        <v>2091</v>
      </c>
      <c r="B109" t="s">
        <v>1910</v>
      </c>
    </row>
    <row r="110" spans="1:2" x14ac:dyDescent="0.4">
      <c r="A110" t="s">
        <v>2092</v>
      </c>
      <c r="B110" t="s">
        <v>1911</v>
      </c>
    </row>
    <row r="111" spans="1:2" x14ac:dyDescent="0.4">
      <c r="A111" t="s">
        <v>2093</v>
      </c>
      <c r="B111" t="s">
        <v>1912</v>
      </c>
    </row>
    <row r="112" spans="1:2" x14ac:dyDescent="0.4">
      <c r="A112" t="s">
        <v>2094</v>
      </c>
      <c r="B112" t="s">
        <v>1913</v>
      </c>
    </row>
    <row r="113" spans="1:2" x14ac:dyDescent="0.4">
      <c r="A113" t="s">
        <v>2095</v>
      </c>
      <c r="B113" t="s">
        <v>1914</v>
      </c>
    </row>
    <row r="114" spans="1:2" x14ac:dyDescent="0.4">
      <c r="A114" t="s">
        <v>2096</v>
      </c>
      <c r="B114" t="s">
        <v>1915</v>
      </c>
    </row>
    <row r="115" spans="1:2" x14ac:dyDescent="0.4">
      <c r="A115" t="s">
        <v>2097</v>
      </c>
      <c r="B115" t="s">
        <v>1916</v>
      </c>
    </row>
    <row r="116" spans="1:2" x14ac:dyDescent="0.4">
      <c r="A116" t="s">
        <v>2098</v>
      </c>
      <c r="B116" t="s">
        <v>1917</v>
      </c>
    </row>
    <row r="117" spans="1:2" x14ac:dyDescent="0.4">
      <c r="A117" t="s">
        <v>2099</v>
      </c>
      <c r="B117" t="s">
        <v>1918</v>
      </c>
    </row>
    <row r="118" spans="1:2" x14ac:dyDescent="0.4">
      <c r="A118" t="s">
        <v>2100</v>
      </c>
      <c r="B118" t="s">
        <v>1919</v>
      </c>
    </row>
    <row r="119" spans="1:2" x14ac:dyDescent="0.4">
      <c r="A119" t="s">
        <v>2101</v>
      </c>
      <c r="B119" t="s">
        <v>1920</v>
      </c>
    </row>
    <row r="120" spans="1:2" x14ac:dyDescent="0.4">
      <c r="A120" t="s">
        <v>2102</v>
      </c>
      <c r="B120" t="s">
        <v>1921</v>
      </c>
    </row>
    <row r="121" spans="1:2" x14ac:dyDescent="0.4">
      <c r="A121" t="s">
        <v>2103</v>
      </c>
      <c r="B121" t="s">
        <v>1922</v>
      </c>
    </row>
    <row r="122" spans="1:2" x14ac:dyDescent="0.4">
      <c r="A122" t="s">
        <v>2104</v>
      </c>
      <c r="B122" t="s">
        <v>1923</v>
      </c>
    </row>
    <row r="123" spans="1:2" x14ac:dyDescent="0.4">
      <c r="A123" t="s">
        <v>2105</v>
      </c>
      <c r="B123" t="s">
        <v>1924</v>
      </c>
    </row>
    <row r="124" spans="1:2" x14ac:dyDescent="0.4">
      <c r="A124" t="s">
        <v>2106</v>
      </c>
      <c r="B124" t="s">
        <v>1925</v>
      </c>
    </row>
    <row r="125" spans="1:2" x14ac:dyDescent="0.4">
      <c r="A125" t="s">
        <v>2107</v>
      </c>
      <c r="B125" t="s">
        <v>1926</v>
      </c>
    </row>
    <row r="126" spans="1:2" x14ac:dyDescent="0.4">
      <c r="A126" t="s">
        <v>2108</v>
      </c>
      <c r="B126" t="s">
        <v>1927</v>
      </c>
    </row>
    <row r="127" spans="1:2" x14ac:dyDescent="0.4">
      <c r="A127" t="s">
        <v>2109</v>
      </c>
      <c r="B127" t="s">
        <v>1928</v>
      </c>
    </row>
    <row r="128" spans="1:2" x14ac:dyDescent="0.4">
      <c r="A128" t="s">
        <v>2110</v>
      </c>
      <c r="B128" t="s">
        <v>1929</v>
      </c>
    </row>
    <row r="129" spans="1:2" x14ac:dyDescent="0.4">
      <c r="A129" t="s">
        <v>2111</v>
      </c>
      <c r="B129" t="s">
        <v>1930</v>
      </c>
    </row>
    <row r="130" spans="1:2" x14ac:dyDescent="0.4">
      <c r="A130" t="s">
        <v>2112</v>
      </c>
      <c r="B130" t="s">
        <v>1931</v>
      </c>
    </row>
    <row r="131" spans="1:2" x14ac:dyDescent="0.4">
      <c r="A131" t="s">
        <v>2113</v>
      </c>
      <c r="B131" t="s">
        <v>1932</v>
      </c>
    </row>
    <row r="132" spans="1:2" x14ac:dyDescent="0.4">
      <c r="A132" t="s">
        <v>2114</v>
      </c>
      <c r="B132" t="s">
        <v>1933</v>
      </c>
    </row>
    <row r="133" spans="1:2" x14ac:dyDescent="0.4">
      <c r="A133" t="s">
        <v>2115</v>
      </c>
      <c r="B133" t="s">
        <v>1934</v>
      </c>
    </row>
    <row r="134" spans="1:2" x14ac:dyDescent="0.4">
      <c r="A134" t="s">
        <v>2116</v>
      </c>
      <c r="B134" t="s">
        <v>1935</v>
      </c>
    </row>
    <row r="135" spans="1:2" x14ac:dyDescent="0.4">
      <c r="A135" t="s">
        <v>2117</v>
      </c>
      <c r="B135" t="s">
        <v>1936</v>
      </c>
    </row>
    <row r="136" spans="1:2" x14ac:dyDescent="0.4">
      <c r="A136" t="s">
        <v>2118</v>
      </c>
      <c r="B136" t="s">
        <v>1937</v>
      </c>
    </row>
    <row r="137" spans="1:2" x14ac:dyDescent="0.4">
      <c r="A137" t="s">
        <v>2119</v>
      </c>
      <c r="B137" t="s">
        <v>1938</v>
      </c>
    </row>
    <row r="138" spans="1:2" x14ac:dyDescent="0.4">
      <c r="A138" t="s">
        <v>2120</v>
      </c>
      <c r="B138" t="s">
        <v>1939</v>
      </c>
    </row>
    <row r="139" spans="1:2" x14ac:dyDescent="0.4">
      <c r="A139" t="s">
        <v>2121</v>
      </c>
      <c r="B139" t="s">
        <v>1940</v>
      </c>
    </row>
    <row r="140" spans="1:2" x14ac:dyDescent="0.4">
      <c r="A140" t="s">
        <v>2122</v>
      </c>
      <c r="B140" t="s">
        <v>1941</v>
      </c>
    </row>
    <row r="141" spans="1:2" x14ac:dyDescent="0.4">
      <c r="A141" t="s">
        <v>2123</v>
      </c>
      <c r="B141" t="s">
        <v>1942</v>
      </c>
    </row>
    <row r="142" spans="1:2" x14ac:dyDescent="0.4">
      <c r="A142" t="s">
        <v>2124</v>
      </c>
      <c r="B142" t="s">
        <v>1943</v>
      </c>
    </row>
    <row r="143" spans="1:2" x14ac:dyDescent="0.4">
      <c r="A143" t="s">
        <v>2125</v>
      </c>
      <c r="B143" t="s">
        <v>1944</v>
      </c>
    </row>
    <row r="144" spans="1:2" x14ac:dyDescent="0.4">
      <c r="A144" t="s">
        <v>2126</v>
      </c>
      <c r="B144" t="s">
        <v>1945</v>
      </c>
    </row>
    <row r="145" spans="1:2" x14ac:dyDescent="0.4">
      <c r="A145" t="s">
        <v>2127</v>
      </c>
      <c r="B145" t="s">
        <v>1946</v>
      </c>
    </row>
    <row r="146" spans="1:2" x14ac:dyDescent="0.4">
      <c r="A146" t="s">
        <v>2128</v>
      </c>
      <c r="B146" t="s">
        <v>1947</v>
      </c>
    </row>
    <row r="147" spans="1:2" x14ac:dyDescent="0.4">
      <c r="A147" t="s">
        <v>2129</v>
      </c>
      <c r="B147" t="s">
        <v>1948</v>
      </c>
    </row>
    <row r="148" spans="1:2" x14ac:dyDescent="0.4">
      <c r="A148" t="s">
        <v>2130</v>
      </c>
      <c r="B148" t="s">
        <v>1949</v>
      </c>
    </row>
    <row r="149" spans="1:2" x14ac:dyDescent="0.4">
      <c r="A149" t="s">
        <v>2131</v>
      </c>
      <c r="B149" t="s">
        <v>1950</v>
      </c>
    </row>
    <row r="150" spans="1:2" x14ac:dyDescent="0.4">
      <c r="A150" t="s">
        <v>2132</v>
      </c>
      <c r="B150" t="s">
        <v>1951</v>
      </c>
    </row>
    <row r="151" spans="1:2" x14ac:dyDescent="0.4">
      <c r="A151" t="s">
        <v>2133</v>
      </c>
      <c r="B151" t="s">
        <v>1952</v>
      </c>
    </row>
    <row r="152" spans="1:2" x14ac:dyDescent="0.4">
      <c r="A152" t="s">
        <v>2134</v>
      </c>
      <c r="B152" t="s">
        <v>1953</v>
      </c>
    </row>
    <row r="153" spans="1:2" x14ac:dyDescent="0.4">
      <c r="A153" t="s">
        <v>2135</v>
      </c>
      <c r="B153" t="s">
        <v>1954</v>
      </c>
    </row>
    <row r="154" spans="1:2" x14ac:dyDescent="0.4">
      <c r="A154" t="s">
        <v>2136</v>
      </c>
      <c r="B154" t="s">
        <v>1955</v>
      </c>
    </row>
    <row r="155" spans="1:2" x14ac:dyDescent="0.4">
      <c r="A155" t="s">
        <v>2137</v>
      </c>
      <c r="B155" t="s">
        <v>1956</v>
      </c>
    </row>
    <row r="156" spans="1:2" x14ac:dyDescent="0.4">
      <c r="A156" t="s">
        <v>2138</v>
      </c>
      <c r="B156" t="s">
        <v>1957</v>
      </c>
    </row>
    <row r="157" spans="1:2" x14ac:dyDescent="0.4">
      <c r="A157" t="s">
        <v>2139</v>
      </c>
      <c r="B157" t="s">
        <v>1958</v>
      </c>
    </row>
    <row r="158" spans="1:2" x14ac:dyDescent="0.4">
      <c r="A158" t="s">
        <v>2140</v>
      </c>
      <c r="B158" t="s">
        <v>1959</v>
      </c>
    </row>
    <row r="159" spans="1:2" x14ac:dyDescent="0.4">
      <c r="A159" t="s">
        <v>2141</v>
      </c>
      <c r="B159" t="s">
        <v>1960</v>
      </c>
    </row>
    <row r="160" spans="1:2" x14ac:dyDescent="0.4">
      <c r="A160" t="s">
        <v>2142</v>
      </c>
      <c r="B160" t="s">
        <v>1961</v>
      </c>
    </row>
    <row r="161" spans="1:2" x14ac:dyDescent="0.4">
      <c r="A161" t="s">
        <v>2143</v>
      </c>
      <c r="B161" t="s">
        <v>1962</v>
      </c>
    </row>
    <row r="162" spans="1:2" x14ac:dyDescent="0.4">
      <c r="A162" t="s">
        <v>2144</v>
      </c>
      <c r="B162" t="s">
        <v>1963</v>
      </c>
    </row>
    <row r="163" spans="1:2" x14ac:dyDescent="0.4">
      <c r="A163" t="s">
        <v>2145</v>
      </c>
      <c r="B163" t="s">
        <v>1964</v>
      </c>
    </row>
    <row r="164" spans="1:2" x14ac:dyDescent="0.4">
      <c r="A164" t="s">
        <v>2146</v>
      </c>
      <c r="B164" t="s">
        <v>1965</v>
      </c>
    </row>
    <row r="165" spans="1:2" x14ac:dyDescent="0.4">
      <c r="A165" t="s">
        <v>2147</v>
      </c>
      <c r="B165" t="s">
        <v>1966</v>
      </c>
    </row>
    <row r="166" spans="1:2" x14ac:dyDescent="0.4">
      <c r="A166" t="s">
        <v>2148</v>
      </c>
      <c r="B166" t="s">
        <v>1967</v>
      </c>
    </row>
    <row r="167" spans="1:2" x14ac:dyDescent="0.4">
      <c r="A167" t="s">
        <v>2149</v>
      </c>
      <c r="B167" t="s">
        <v>1968</v>
      </c>
    </row>
    <row r="168" spans="1:2" x14ac:dyDescent="0.4">
      <c r="A168" t="s">
        <v>2150</v>
      </c>
      <c r="B168" t="s">
        <v>1969</v>
      </c>
    </row>
    <row r="169" spans="1:2" x14ac:dyDescent="0.4">
      <c r="A169" t="s">
        <v>2151</v>
      </c>
      <c r="B169" t="s">
        <v>1970</v>
      </c>
    </row>
    <row r="170" spans="1:2" x14ac:dyDescent="0.4">
      <c r="A170" t="s">
        <v>2152</v>
      </c>
      <c r="B170" t="s">
        <v>1971</v>
      </c>
    </row>
    <row r="171" spans="1:2" x14ac:dyDescent="0.4">
      <c r="A171" t="s">
        <v>2153</v>
      </c>
      <c r="B171" t="s">
        <v>1972</v>
      </c>
    </row>
    <row r="172" spans="1:2" x14ac:dyDescent="0.4">
      <c r="A172" t="s">
        <v>2154</v>
      </c>
      <c r="B172" t="s">
        <v>1973</v>
      </c>
    </row>
    <row r="173" spans="1:2" x14ac:dyDescent="0.4">
      <c r="A173" t="s">
        <v>2155</v>
      </c>
      <c r="B173" t="s">
        <v>1974</v>
      </c>
    </row>
    <row r="174" spans="1:2" x14ac:dyDescent="0.4">
      <c r="A174" t="s">
        <v>2156</v>
      </c>
      <c r="B174" t="s">
        <v>1975</v>
      </c>
    </row>
    <row r="175" spans="1:2" x14ac:dyDescent="0.4">
      <c r="A175" t="s">
        <v>2157</v>
      </c>
      <c r="B175" t="s">
        <v>1976</v>
      </c>
    </row>
    <row r="176" spans="1:2" x14ac:dyDescent="0.4">
      <c r="A176" t="s">
        <v>2158</v>
      </c>
      <c r="B176" t="s">
        <v>1977</v>
      </c>
    </row>
    <row r="177" spans="1:2" x14ac:dyDescent="0.4">
      <c r="A177" t="s">
        <v>2159</v>
      </c>
      <c r="B177" t="s">
        <v>1978</v>
      </c>
    </row>
    <row r="178" spans="1:2" x14ac:dyDescent="0.4">
      <c r="A178" t="s">
        <v>2160</v>
      </c>
      <c r="B178" t="s">
        <v>1979</v>
      </c>
    </row>
    <row r="179" spans="1:2" x14ac:dyDescent="0.4">
      <c r="A179" t="s">
        <v>2161</v>
      </c>
      <c r="B179" t="s">
        <v>1980</v>
      </c>
    </row>
    <row r="180" spans="1:2" x14ac:dyDescent="0.4">
      <c r="A180" t="s">
        <v>2162</v>
      </c>
      <c r="B180" t="s">
        <v>1981</v>
      </c>
    </row>
    <row r="181" spans="1:2" x14ac:dyDescent="0.4">
      <c r="A181" t="s">
        <v>2163</v>
      </c>
      <c r="B181" t="s">
        <v>2164</v>
      </c>
    </row>
    <row r="182" spans="1:2" x14ac:dyDescent="0.4">
      <c r="A182" t="s">
        <v>2165</v>
      </c>
      <c r="B182" t="s">
        <v>2166</v>
      </c>
    </row>
    <row r="183" spans="1:2" x14ac:dyDescent="0.4">
      <c r="A183" t="s">
        <v>2167</v>
      </c>
      <c r="B183" t="s">
        <v>2168</v>
      </c>
    </row>
    <row r="184" spans="1:2" x14ac:dyDescent="0.4">
      <c r="A184" t="s">
        <v>2169</v>
      </c>
      <c r="B184" t="s">
        <v>2170</v>
      </c>
    </row>
    <row r="185" spans="1:2" x14ac:dyDescent="0.4">
      <c r="A185" t="s">
        <v>2171</v>
      </c>
      <c r="B185" t="s">
        <v>2172</v>
      </c>
    </row>
    <row r="186" spans="1:2" x14ac:dyDescent="0.4">
      <c r="A186" t="s">
        <v>2173</v>
      </c>
      <c r="B186" t="s">
        <v>2174</v>
      </c>
    </row>
    <row r="187" spans="1:2" x14ac:dyDescent="0.4">
      <c r="A187" t="s">
        <v>2175</v>
      </c>
      <c r="B187" t="s">
        <v>2176</v>
      </c>
    </row>
    <row r="188" spans="1:2" x14ac:dyDescent="0.4">
      <c r="A188" t="s">
        <v>2177</v>
      </c>
      <c r="B188" t="s">
        <v>2178</v>
      </c>
    </row>
    <row r="189" spans="1:2" x14ac:dyDescent="0.4">
      <c r="A189" t="s">
        <v>2179</v>
      </c>
      <c r="B189" t="s">
        <v>2180</v>
      </c>
    </row>
    <row r="190" spans="1:2" x14ac:dyDescent="0.4">
      <c r="A190" t="s">
        <v>2181</v>
      </c>
      <c r="B190" t="s">
        <v>2182</v>
      </c>
    </row>
    <row r="191" spans="1:2" x14ac:dyDescent="0.4">
      <c r="A191" t="s">
        <v>2183</v>
      </c>
      <c r="B191" t="s">
        <v>2184</v>
      </c>
    </row>
    <row r="192" spans="1:2" x14ac:dyDescent="0.4">
      <c r="A192" t="s">
        <v>2185</v>
      </c>
      <c r="B192" t="s">
        <v>2186</v>
      </c>
    </row>
    <row r="193" spans="1:2" x14ac:dyDescent="0.4">
      <c r="A193" t="s">
        <v>2187</v>
      </c>
      <c r="B193" t="s">
        <v>2188</v>
      </c>
    </row>
    <row r="194" spans="1:2" x14ac:dyDescent="0.4">
      <c r="A194" t="s">
        <v>2189</v>
      </c>
      <c r="B194" t="s">
        <v>2190</v>
      </c>
    </row>
    <row r="195" spans="1:2" x14ac:dyDescent="0.4">
      <c r="A195" t="s">
        <v>2191</v>
      </c>
      <c r="B195" t="s">
        <v>2192</v>
      </c>
    </row>
    <row r="196" spans="1:2" x14ac:dyDescent="0.4">
      <c r="A196" t="s">
        <v>2193</v>
      </c>
      <c r="B196" t="s">
        <v>2194</v>
      </c>
    </row>
    <row r="197" spans="1:2" x14ac:dyDescent="0.4">
      <c r="A197" t="s">
        <v>2195</v>
      </c>
      <c r="B197" t="s">
        <v>2196</v>
      </c>
    </row>
    <row r="198" spans="1:2" x14ac:dyDescent="0.4">
      <c r="A198" t="s">
        <v>2197</v>
      </c>
      <c r="B198" t="s">
        <v>2198</v>
      </c>
    </row>
    <row r="199" spans="1:2" x14ac:dyDescent="0.4">
      <c r="A199" t="s">
        <v>2199</v>
      </c>
      <c r="B199" t="s">
        <v>2200</v>
      </c>
    </row>
    <row r="200" spans="1:2" x14ac:dyDescent="0.4">
      <c r="A200" t="s">
        <v>2201</v>
      </c>
      <c r="B200" t="s">
        <v>2202</v>
      </c>
    </row>
    <row r="201" spans="1:2" x14ac:dyDescent="0.4">
      <c r="A201" t="s">
        <v>2203</v>
      </c>
      <c r="B201" t="s">
        <v>2204</v>
      </c>
    </row>
    <row r="202" spans="1:2" x14ac:dyDescent="0.4">
      <c r="A202" t="s">
        <v>2205</v>
      </c>
      <c r="B202" t="s">
        <v>2206</v>
      </c>
    </row>
    <row r="203" spans="1:2" x14ac:dyDescent="0.4">
      <c r="A203" t="s">
        <v>2207</v>
      </c>
      <c r="B203" t="s">
        <v>2208</v>
      </c>
    </row>
    <row r="204" spans="1:2" x14ac:dyDescent="0.4">
      <c r="A204" t="s">
        <v>2209</v>
      </c>
      <c r="B204" t="s">
        <v>2210</v>
      </c>
    </row>
    <row r="205" spans="1:2" x14ac:dyDescent="0.4">
      <c r="A205" t="s">
        <v>2211</v>
      </c>
      <c r="B205" t="s">
        <v>2212</v>
      </c>
    </row>
    <row r="206" spans="1:2" x14ac:dyDescent="0.4">
      <c r="A206" t="s">
        <v>2213</v>
      </c>
      <c r="B206" t="s">
        <v>2214</v>
      </c>
    </row>
    <row r="207" spans="1:2" x14ac:dyDescent="0.4">
      <c r="A207" t="s">
        <v>2215</v>
      </c>
      <c r="B207" t="s">
        <v>2216</v>
      </c>
    </row>
    <row r="208" spans="1:2" x14ac:dyDescent="0.4">
      <c r="A208" t="s">
        <v>2217</v>
      </c>
      <c r="B208" t="s">
        <v>2218</v>
      </c>
    </row>
    <row r="209" spans="1:2" x14ac:dyDescent="0.4">
      <c r="A209" t="s">
        <v>2219</v>
      </c>
      <c r="B209" t="s">
        <v>2220</v>
      </c>
    </row>
    <row r="210" spans="1:2" x14ac:dyDescent="0.4">
      <c r="A210" t="s">
        <v>2221</v>
      </c>
      <c r="B210" t="s">
        <v>2222</v>
      </c>
    </row>
    <row r="211" spans="1:2" x14ac:dyDescent="0.4">
      <c r="A211" t="s">
        <v>2223</v>
      </c>
      <c r="B211" t="s">
        <v>2224</v>
      </c>
    </row>
    <row r="212" spans="1:2" x14ac:dyDescent="0.4">
      <c r="A212" t="s">
        <v>2225</v>
      </c>
      <c r="B212" t="s">
        <v>2226</v>
      </c>
    </row>
    <row r="213" spans="1:2" x14ac:dyDescent="0.4">
      <c r="A213" t="s">
        <v>2227</v>
      </c>
      <c r="B213" t="s">
        <v>2228</v>
      </c>
    </row>
    <row r="214" spans="1:2" x14ac:dyDescent="0.4">
      <c r="A214" t="s">
        <v>2229</v>
      </c>
      <c r="B214" t="s">
        <v>2230</v>
      </c>
    </row>
    <row r="215" spans="1:2" x14ac:dyDescent="0.4">
      <c r="A215" t="s">
        <v>2231</v>
      </c>
      <c r="B215" t="s">
        <v>2232</v>
      </c>
    </row>
    <row r="216" spans="1:2" x14ac:dyDescent="0.4">
      <c r="A216" t="s">
        <v>2233</v>
      </c>
      <c r="B216" t="s">
        <v>2234</v>
      </c>
    </row>
    <row r="217" spans="1:2" x14ac:dyDescent="0.4">
      <c r="A217" t="s">
        <v>2235</v>
      </c>
      <c r="B217" t="s">
        <v>2236</v>
      </c>
    </row>
    <row r="218" spans="1:2" x14ac:dyDescent="0.4">
      <c r="A218" t="s">
        <v>2237</v>
      </c>
      <c r="B218" t="s">
        <v>2238</v>
      </c>
    </row>
    <row r="219" spans="1:2" x14ac:dyDescent="0.4">
      <c r="A219" t="s">
        <v>2239</v>
      </c>
      <c r="B219" t="s">
        <v>2240</v>
      </c>
    </row>
    <row r="220" spans="1:2" x14ac:dyDescent="0.4">
      <c r="A220" t="s">
        <v>2241</v>
      </c>
      <c r="B220" t="s">
        <v>2242</v>
      </c>
    </row>
    <row r="221" spans="1:2" x14ac:dyDescent="0.4">
      <c r="A221" t="s">
        <v>2243</v>
      </c>
      <c r="B221" t="s">
        <v>2244</v>
      </c>
    </row>
    <row r="222" spans="1:2" x14ac:dyDescent="0.4">
      <c r="A222" t="s">
        <v>2245</v>
      </c>
      <c r="B222" t="s">
        <v>2246</v>
      </c>
    </row>
    <row r="223" spans="1:2" x14ac:dyDescent="0.4">
      <c r="A223" t="s">
        <v>2247</v>
      </c>
      <c r="B223" t="s">
        <v>2248</v>
      </c>
    </row>
    <row r="224" spans="1:2" x14ac:dyDescent="0.4">
      <c r="A224" t="s">
        <v>2249</v>
      </c>
      <c r="B224" t="s">
        <v>2250</v>
      </c>
    </row>
    <row r="225" spans="1:2" x14ac:dyDescent="0.4">
      <c r="A225" t="s">
        <v>2251</v>
      </c>
      <c r="B225" t="s">
        <v>2252</v>
      </c>
    </row>
    <row r="226" spans="1:2" x14ac:dyDescent="0.4">
      <c r="A226" t="s">
        <v>2253</v>
      </c>
      <c r="B226" t="s">
        <v>2254</v>
      </c>
    </row>
    <row r="227" spans="1:2" x14ac:dyDescent="0.4">
      <c r="A227" t="s">
        <v>2255</v>
      </c>
      <c r="B227" t="s">
        <v>2256</v>
      </c>
    </row>
    <row r="228" spans="1:2" x14ac:dyDescent="0.4">
      <c r="A228" t="s">
        <v>2257</v>
      </c>
      <c r="B228" t="s">
        <v>2258</v>
      </c>
    </row>
    <row r="229" spans="1:2" x14ac:dyDescent="0.4">
      <c r="A229" t="s">
        <v>2259</v>
      </c>
      <c r="B229" t="s">
        <v>2260</v>
      </c>
    </row>
    <row r="230" spans="1:2" x14ac:dyDescent="0.4">
      <c r="A230" t="s">
        <v>2261</v>
      </c>
      <c r="B230" t="s">
        <v>2262</v>
      </c>
    </row>
    <row r="231" spans="1:2" x14ac:dyDescent="0.4">
      <c r="A231" t="s">
        <v>2263</v>
      </c>
      <c r="B231" t="s">
        <v>2264</v>
      </c>
    </row>
    <row r="232" spans="1:2" x14ac:dyDescent="0.4">
      <c r="A232" t="s">
        <v>2265</v>
      </c>
      <c r="B232" t="s">
        <v>2266</v>
      </c>
    </row>
    <row r="233" spans="1:2" x14ac:dyDescent="0.4">
      <c r="A233" t="s">
        <v>2267</v>
      </c>
      <c r="B233" t="s">
        <v>2268</v>
      </c>
    </row>
    <row r="234" spans="1:2" x14ac:dyDescent="0.4">
      <c r="A234" t="s">
        <v>2269</v>
      </c>
      <c r="B234" t="s">
        <v>2270</v>
      </c>
    </row>
    <row r="235" spans="1:2" x14ac:dyDescent="0.4">
      <c r="A235" t="s">
        <v>2271</v>
      </c>
      <c r="B235" t="s">
        <v>2272</v>
      </c>
    </row>
    <row r="236" spans="1:2" x14ac:dyDescent="0.4">
      <c r="A236" t="s">
        <v>2273</v>
      </c>
      <c r="B236" t="s">
        <v>2274</v>
      </c>
    </row>
    <row r="237" spans="1:2" x14ac:dyDescent="0.4">
      <c r="A237" t="s">
        <v>2275</v>
      </c>
      <c r="B237" t="s">
        <v>2276</v>
      </c>
    </row>
    <row r="238" spans="1:2" x14ac:dyDescent="0.4">
      <c r="A238" t="s">
        <v>2277</v>
      </c>
      <c r="B238" t="s">
        <v>2278</v>
      </c>
    </row>
    <row r="239" spans="1:2" x14ac:dyDescent="0.4">
      <c r="A239" t="s">
        <v>2279</v>
      </c>
      <c r="B239" t="s">
        <v>2280</v>
      </c>
    </row>
    <row r="240" spans="1:2" x14ac:dyDescent="0.4">
      <c r="A240" t="s">
        <v>2281</v>
      </c>
      <c r="B240" t="s">
        <v>2282</v>
      </c>
    </row>
    <row r="241" spans="1:2" x14ac:dyDescent="0.4">
      <c r="A241" t="s">
        <v>2283</v>
      </c>
      <c r="B241" t="s">
        <v>2284</v>
      </c>
    </row>
    <row r="242" spans="1:2" x14ac:dyDescent="0.4">
      <c r="A242" t="s">
        <v>2285</v>
      </c>
      <c r="B242" t="s">
        <v>2286</v>
      </c>
    </row>
    <row r="243" spans="1:2" x14ac:dyDescent="0.4">
      <c r="A243" t="s">
        <v>2287</v>
      </c>
      <c r="B243" t="s">
        <v>2288</v>
      </c>
    </row>
    <row r="244" spans="1:2" x14ac:dyDescent="0.4">
      <c r="A244" t="s">
        <v>2289</v>
      </c>
      <c r="B244" t="s">
        <v>2290</v>
      </c>
    </row>
    <row r="245" spans="1:2" x14ac:dyDescent="0.4">
      <c r="A245" t="s">
        <v>2291</v>
      </c>
      <c r="B245" t="s">
        <v>2292</v>
      </c>
    </row>
    <row r="246" spans="1:2" x14ac:dyDescent="0.4">
      <c r="A246" t="s">
        <v>2293</v>
      </c>
      <c r="B246" t="s">
        <v>2294</v>
      </c>
    </row>
    <row r="247" spans="1:2" x14ac:dyDescent="0.4">
      <c r="A247" t="s">
        <v>2295</v>
      </c>
      <c r="B247" t="s">
        <v>2296</v>
      </c>
    </row>
    <row r="248" spans="1:2" x14ac:dyDescent="0.4">
      <c r="A248" t="s">
        <v>2297</v>
      </c>
      <c r="B248" t="s">
        <v>2298</v>
      </c>
    </row>
    <row r="249" spans="1:2" x14ac:dyDescent="0.4">
      <c r="A249" t="s">
        <v>2299</v>
      </c>
      <c r="B249" t="s">
        <v>2300</v>
      </c>
    </row>
    <row r="250" spans="1:2" x14ac:dyDescent="0.4">
      <c r="A250" t="s">
        <v>2301</v>
      </c>
      <c r="B250" t="s">
        <v>2302</v>
      </c>
    </row>
    <row r="251" spans="1:2" x14ac:dyDescent="0.4">
      <c r="A251" t="s">
        <v>2303</v>
      </c>
      <c r="B251" t="s">
        <v>2304</v>
      </c>
    </row>
    <row r="252" spans="1:2" x14ac:dyDescent="0.4">
      <c r="A252" t="s">
        <v>2305</v>
      </c>
      <c r="B252" t="s">
        <v>2306</v>
      </c>
    </row>
    <row r="253" spans="1:2" x14ac:dyDescent="0.4">
      <c r="A253" t="s">
        <v>2307</v>
      </c>
      <c r="B253" t="s">
        <v>2308</v>
      </c>
    </row>
    <row r="254" spans="1:2" x14ac:dyDescent="0.4">
      <c r="A254" t="s">
        <v>2309</v>
      </c>
      <c r="B254" t="s">
        <v>2310</v>
      </c>
    </row>
    <row r="255" spans="1:2" x14ac:dyDescent="0.4">
      <c r="A255" t="s">
        <v>2311</v>
      </c>
      <c r="B255" t="s">
        <v>2312</v>
      </c>
    </row>
    <row r="256" spans="1:2" x14ac:dyDescent="0.4">
      <c r="A256" t="s">
        <v>2313</v>
      </c>
      <c r="B256" t="s">
        <v>2314</v>
      </c>
    </row>
    <row r="257" spans="1:2" x14ac:dyDescent="0.4">
      <c r="A257" t="s">
        <v>2315</v>
      </c>
      <c r="B257" t="s">
        <v>2316</v>
      </c>
    </row>
    <row r="258" spans="1:2" x14ac:dyDescent="0.4">
      <c r="A258" t="s">
        <v>2317</v>
      </c>
      <c r="B258" t="s">
        <v>2318</v>
      </c>
    </row>
    <row r="259" spans="1:2" x14ac:dyDescent="0.4">
      <c r="A259" t="s">
        <v>2319</v>
      </c>
      <c r="B259" t="s">
        <v>2320</v>
      </c>
    </row>
    <row r="260" spans="1:2" x14ac:dyDescent="0.4">
      <c r="A260" t="s">
        <v>2321</v>
      </c>
      <c r="B260" t="s">
        <v>2322</v>
      </c>
    </row>
    <row r="261" spans="1:2" x14ac:dyDescent="0.4">
      <c r="A261" t="s">
        <v>2323</v>
      </c>
      <c r="B261" t="s">
        <v>2324</v>
      </c>
    </row>
    <row r="262" spans="1:2" x14ac:dyDescent="0.4">
      <c r="A262" t="s">
        <v>2325</v>
      </c>
      <c r="B262" t="s">
        <v>2326</v>
      </c>
    </row>
    <row r="263" spans="1:2" x14ac:dyDescent="0.4">
      <c r="A263" t="s">
        <v>2327</v>
      </c>
      <c r="B263" t="s">
        <v>2328</v>
      </c>
    </row>
    <row r="264" spans="1:2" x14ac:dyDescent="0.4">
      <c r="A264" t="s">
        <v>2329</v>
      </c>
      <c r="B264" t="s">
        <v>2330</v>
      </c>
    </row>
    <row r="265" spans="1:2" x14ac:dyDescent="0.4">
      <c r="A265" t="s">
        <v>2331</v>
      </c>
      <c r="B265" t="s">
        <v>2332</v>
      </c>
    </row>
    <row r="266" spans="1:2" x14ac:dyDescent="0.4">
      <c r="A266" t="s">
        <v>2333</v>
      </c>
      <c r="B266" t="s">
        <v>2334</v>
      </c>
    </row>
    <row r="267" spans="1:2" x14ac:dyDescent="0.4">
      <c r="A267" t="s">
        <v>2335</v>
      </c>
      <c r="B267" t="s">
        <v>2336</v>
      </c>
    </row>
    <row r="268" spans="1:2" x14ac:dyDescent="0.4">
      <c r="A268" t="s">
        <v>2337</v>
      </c>
      <c r="B268" t="s">
        <v>2338</v>
      </c>
    </row>
    <row r="269" spans="1:2" x14ac:dyDescent="0.4">
      <c r="A269" t="s">
        <v>2339</v>
      </c>
      <c r="B269" t="s">
        <v>2340</v>
      </c>
    </row>
    <row r="270" spans="1:2" x14ac:dyDescent="0.4">
      <c r="A270" t="s">
        <v>2341</v>
      </c>
      <c r="B270" t="s">
        <v>2342</v>
      </c>
    </row>
    <row r="271" spans="1:2" x14ac:dyDescent="0.4">
      <c r="A271" t="s">
        <v>2343</v>
      </c>
      <c r="B271" t="s">
        <v>2344</v>
      </c>
    </row>
    <row r="272" spans="1:2" x14ac:dyDescent="0.4">
      <c r="A272" t="s">
        <v>2345</v>
      </c>
      <c r="B272" t="s">
        <v>2346</v>
      </c>
    </row>
    <row r="273" spans="1:2" x14ac:dyDescent="0.4">
      <c r="A273" t="s">
        <v>2347</v>
      </c>
      <c r="B273" t="s">
        <v>2348</v>
      </c>
    </row>
    <row r="274" spans="1:2" x14ac:dyDescent="0.4">
      <c r="A274" t="s">
        <v>2349</v>
      </c>
      <c r="B274" t="s">
        <v>2350</v>
      </c>
    </row>
    <row r="275" spans="1:2" x14ac:dyDescent="0.4">
      <c r="A275" t="s">
        <v>2351</v>
      </c>
      <c r="B275" t="s">
        <v>2352</v>
      </c>
    </row>
    <row r="276" spans="1:2" x14ac:dyDescent="0.4">
      <c r="A276" t="s">
        <v>2353</v>
      </c>
      <c r="B276" t="s">
        <v>2354</v>
      </c>
    </row>
    <row r="277" spans="1:2" x14ac:dyDescent="0.4">
      <c r="A277" t="s">
        <v>2355</v>
      </c>
      <c r="B277" t="s">
        <v>2356</v>
      </c>
    </row>
    <row r="278" spans="1:2" x14ac:dyDescent="0.4">
      <c r="A278" t="s">
        <v>2357</v>
      </c>
      <c r="B278" t="s">
        <v>2358</v>
      </c>
    </row>
    <row r="279" spans="1:2" x14ac:dyDescent="0.4">
      <c r="A279" t="s">
        <v>2359</v>
      </c>
      <c r="B279" t="s">
        <v>2360</v>
      </c>
    </row>
    <row r="280" spans="1:2" x14ac:dyDescent="0.4">
      <c r="A280" t="s">
        <v>2361</v>
      </c>
      <c r="B280" t="s">
        <v>2362</v>
      </c>
    </row>
    <row r="281" spans="1:2" x14ac:dyDescent="0.4">
      <c r="A281" t="s">
        <v>2363</v>
      </c>
      <c r="B281" t="s">
        <v>2364</v>
      </c>
    </row>
    <row r="282" spans="1:2" x14ac:dyDescent="0.4">
      <c r="A282" t="s">
        <v>2365</v>
      </c>
      <c r="B282" t="s">
        <v>2366</v>
      </c>
    </row>
    <row r="283" spans="1:2" x14ac:dyDescent="0.4">
      <c r="A283" t="s">
        <v>2367</v>
      </c>
      <c r="B283" t="s">
        <v>2368</v>
      </c>
    </row>
    <row r="284" spans="1:2" x14ac:dyDescent="0.4">
      <c r="A284" t="s">
        <v>2369</v>
      </c>
      <c r="B284" t="s">
        <v>2370</v>
      </c>
    </row>
    <row r="285" spans="1:2" x14ac:dyDescent="0.4">
      <c r="A285" t="s">
        <v>2371</v>
      </c>
      <c r="B285" t="s">
        <v>2372</v>
      </c>
    </row>
    <row r="286" spans="1:2" x14ac:dyDescent="0.4">
      <c r="A286" t="s">
        <v>2373</v>
      </c>
      <c r="B286" t="s">
        <v>2374</v>
      </c>
    </row>
    <row r="287" spans="1:2" x14ac:dyDescent="0.4">
      <c r="A287" t="s">
        <v>2375</v>
      </c>
      <c r="B287" t="s">
        <v>2376</v>
      </c>
    </row>
    <row r="288" spans="1:2" x14ac:dyDescent="0.4">
      <c r="A288" t="s">
        <v>2377</v>
      </c>
      <c r="B288" t="s">
        <v>2378</v>
      </c>
    </row>
    <row r="289" spans="1:2" x14ac:dyDescent="0.4">
      <c r="A289" t="s">
        <v>2379</v>
      </c>
      <c r="B289" t="s">
        <v>2380</v>
      </c>
    </row>
    <row r="290" spans="1:2" x14ac:dyDescent="0.4">
      <c r="A290" t="s">
        <v>2381</v>
      </c>
      <c r="B290" t="s">
        <v>2382</v>
      </c>
    </row>
    <row r="291" spans="1:2" x14ac:dyDescent="0.4">
      <c r="A291" t="s">
        <v>2383</v>
      </c>
      <c r="B291" t="s">
        <v>2384</v>
      </c>
    </row>
    <row r="292" spans="1:2" x14ac:dyDescent="0.4">
      <c r="A292" t="s">
        <v>2385</v>
      </c>
      <c r="B292" t="s">
        <v>2386</v>
      </c>
    </row>
    <row r="293" spans="1:2" x14ac:dyDescent="0.4">
      <c r="A293" t="s">
        <v>2387</v>
      </c>
      <c r="B293" t="s">
        <v>2388</v>
      </c>
    </row>
    <row r="294" spans="1:2" x14ac:dyDescent="0.4">
      <c r="A294" t="s">
        <v>2389</v>
      </c>
      <c r="B294" t="s">
        <v>2390</v>
      </c>
    </row>
    <row r="295" spans="1:2" x14ac:dyDescent="0.4">
      <c r="A295" t="s">
        <v>2391</v>
      </c>
      <c r="B295" t="s">
        <v>2392</v>
      </c>
    </row>
    <row r="296" spans="1:2" x14ac:dyDescent="0.4">
      <c r="A296" t="s">
        <v>2393</v>
      </c>
      <c r="B296" t="s">
        <v>2394</v>
      </c>
    </row>
    <row r="297" spans="1:2" x14ac:dyDescent="0.4">
      <c r="A297" t="s">
        <v>2395</v>
      </c>
      <c r="B297" t="s">
        <v>2396</v>
      </c>
    </row>
    <row r="298" spans="1:2" x14ac:dyDescent="0.4">
      <c r="A298" t="s">
        <v>2397</v>
      </c>
      <c r="B298" t="s">
        <v>2398</v>
      </c>
    </row>
    <row r="299" spans="1:2" x14ac:dyDescent="0.4">
      <c r="A299" t="s">
        <v>2399</v>
      </c>
      <c r="B299" t="s">
        <v>2400</v>
      </c>
    </row>
    <row r="300" spans="1:2" x14ac:dyDescent="0.4">
      <c r="A300" t="s">
        <v>2401</v>
      </c>
      <c r="B300" t="s">
        <v>2402</v>
      </c>
    </row>
    <row r="301" spans="1:2" x14ac:dyDescent="0.4">
      <c r="A301" t="s">
        <v>2403</v>
      </c>
      <c r="B301" t="s">
        <v>2404</v>
      </c>
    </row>
    <row r="302" spans="1:2" x14ac:dyDescent="0.4">
      <c r="A302" t="s">
        <v>2405</v>
      </c>
      <c r="B302" t="s">
        <v>2406</v>
      </c>
    </row>
    <row r="303" spans="1:2" x14ac:dyDescent="0.4">
      <c r="A303" t="s">
        <v>2407</v>
      </c>
      <c r="B303" t="s">
        <v>2408</v>
      </c>
    </row>
    <row r="304" spans="1:2" x14ac:dyDescent="0.4">
      <c r="A304" t="s">
        <v>2409</v>
      </c>
      <c r="B304" t="s">
        <v>2410</v>
      </c>
    </row>
    <row r="305" spans="1:2" x14ac:dyDescent="0.4">
      <c r="A305" t="s">
        <v>2411</v>
      </c>
      <c r="B305" t="s">
        <v>2412</v>
      </c>
    </row>
    <row r="306" spans="1:2" x14ac:dyDescent="0.4">
      <c r="A306" t="s">
        <v>2413</v>
      </c>
      <c r="B306" t="s">
        <v>2414</v>
      </c>
    </row>
    <row r="307" spans="1:2" x14ac:dyDescent="0.4">
      <c r="A307" t="s">
        <v>2415</v>
      </c>
      <c r="B307" t="s">
        <v>2416</v>
      </c>
    </row>
    <row r="308" spans="1:2" x14ac:dyDescent="0.4">
      <c r="A308" t="s">
        <v>2417</v>
      </c>
      <c r="B308" t="s">
        <v>2418</v>
      </c>
    </row>
    <row r="309" spans="1:2" x14ac:dyDescent="0.4">
      <c r="A309" t="s">
        <v>2419</v>
      </c>
      <c r="B309" t="s">
        <v>2420</v>
      </c>
    </row>
    <row r="310" spans="1:2" x14ac:dyDescent="0.4">
      <c r="A310" t="s">
        <v>2421</v>
      </c>
      <c r="B310" t="s">
        <v>2422</v>
      </c>
    </row>
    <row r="311" spans="1:2" x14ac:dyDescent="0.4">
      <c r="A311" t="s">
        <v>2423</v>
      </c>
      <c r="B311" t="s">
        <v>2424</v>
      </c>
    </row>
    <row r="312" spans="1:2" x14ac:dyDescent="0.4">
      <c r="A312" t="s">
        <v>2425</v>
      </c>
      <c r="B312" t="s">
        <v>2426</v>
      </c>
    </row>
    <row r="313" spans="1:2" x14ac:dyDescent="0.4">
      <c r="A313" t="s">
        <v>2427</v>
      </c>
      <c r="B313" t="s">
        <v>2428</v>
      </c>
    </row>
    <row r="314" spans="1:2" x14ac:dyDescent="0.4">
      <c r="A314" t="s">
        <v>2429</v>
      </c>
      <c r="B314" t="s">
        <v>2430</v>
      </c>
    </row>
    <row r="315" spans="1:2" x14ac:dyDescent="0.4">
      <c r="A315" t="s">
        <v>2431</v>
      </c>
      <c r="B315" t="s">
        <v>2432</v>
      </c>
    </row>
    <row r="316" spans="1:2" x14ac:dyDescent="0.4">
      <c r="A316" t="s">
        <v>2433</v>
      </c>
      <c r="B316" t="s">
        <v>2434</v>
      </c>
    </row>
    <row r="317" spans="1:2" x14ac:dyDescent="0.4">
      <c r="A317" t="s">
        <v>2435</v>
      </c>
      <c r="B317" t="s">
        <v>2436</v>
      </c>
    </row>
    <row r="318" spans="1:2" x14ac:dyDescent="0.4">
      <c r="A318" t="s">
        <v>2437</v>
      </c>
      <c r="B318" t="s">
        <v>2438</v>
      </c>
    </row>
    <row r="319" spans="1:2" x14ac:dyDescent="0.4">
      <c r="A319" t="s">
        <v>2439</v>
      </c>
      <c r="B319" t="s">
        <v>2440</v>
      </c>
    </row>
    <row r="320" spans="1:2" x14ac:dyDescent="0.4">
      <c r="A320" t="s">
        <v>2441</v>
      </c>
      <c r="B320" t="s">
        <v>2442</v>
      </c>
    </row>
    <row r="321" spans="1:2" x14ac:dyDescent="0.4">
      <c r="A321" t="s">
        <v>2443</v>
      </c>
      <c r="B321" t="s">
        <v>2444</v>
      </c>
    </row>
    <row r="322" spans="1:2" x14ac:dyDescent="0.4">
      <c r="A322" t="s">
        <v>2445</v>
      </c>
      <c r="B322" t="s">
        <v>2446</v>
      </c>
    </row>
    <row r="323" spans="1:2" x14ac:dyDescent="0.4">
      <c r="A323" t="s">
        <v>2447</v>
      </c>
      <c r="B323" t="s">
        <v>2448</v>
      </c>
    </row>
    <row r="324" spans="1:2" x14ac:dyDescent="0.4">
      <c r="A324" t="s">
        <v>2449</v>
      </c>
      <c r="B324" t="s">
        <v>2450</v>
      </c>
    </row>
    <row r="325" spans="1:2" x14ac:dyDescent="0.4">
      <c r="A325" t="s">
        <v>2451</v>
      </c>
      <c r="B325" t="s">
        <v>2452</v>
      </c>
    </row>
    <row r="326" spans="1:2" x14ac:dyDescent="0.4">
      <c r="A326" t="s">
        <v>2453</v>
      </c>
      <c r="B326" t="s">
        <v>2454</v>
      </c>
    </row>
    <row r="327" spans="1:2" x14ac:dyDescent="0.4">
      <c r="A327" t="s">
        <v>2455</v>
      </c>
      <c r="B327" t="s">
        <v>2456</v>
      </c>
    </row>
    <row r="328" spans="1:2" x14ac:dyDescent="0.4">
      <c r="A328" t="s">
        <v>2457</v>
      </c>
      <c r="B328" t="s">
        <v>2458</v>
      </c>
    </row>
    <row r="329" spans="1:2" x14ac:dyDescent="0.4">
      <c r="A329" t="s">
        <v>2459</v>
      </c>
      <c r="B329" t="s">
        <v>2460</v>
      </c>
    </row>
    <row r="330" spans="1:2" x14ac:dyDescent="0.4">
      <c r="A330" t="s">
        <v>2461</v>
      </c>
      <c r="B330" t="s">
        <v>2462</v>
      </c>
    </row>
    <row r="331" spans="1:2" x14ac:dyDescent="0.4">
      <c r="A331" t="s">
        <v>2463</v>
      </c>
      <c r="B331" t="s">
        <v>2464</v>
      </c>
    </row>
    <row r="332" spans="1:2" x14ac:dyDescent="0.4">
      <c r="A332" t="s">
        <v>2465</v>
      </c>
      <c r="B332" t="s">
        <v>2466</v>
      </c>
    </row>
    <row r="333" spans="1:2" x14ac:dyDescent="0.4">
      <c r="A333" t="s">
        <v>2467</v>
      </c>
      <c r="B333" t="s">
        <v>2468</v>
      </c>
    </row>
    <row r="334" spans="1:2" x14ac:dyDescent="0.4">
      <c r="A334" t="s">
        <v>2469</v>
      </c>
      <c r="B334" t="s">
        <v>2470</v>
      </c>
    </row>
    <row r="335" spans="1:2" x14ac:dyDescent="0.4">
      <c r="A335" t="s">
        <v>2471</v>
      </c>
      <c r="B335" t="s">
        <v>2472</v>
      </c>
    </row>
    <row r="336" spans="1:2" x14ac:dyDescent="0.4">
      <c r="A336" t="s">
        <v>2473</v>
      </c>
      <c r="B336" t="s">
        <v>2474</v>
      </c>
    </row>
    <row r="337" spans="1:2" x14ac:dyDescent="0.4">
      <c r="A337" t="s">
        <v>2475</v>
      </c>
      <c r="B337" t="s">
        <v>2476</v>
      </c>
    </row>
    <row r="338" spans="1:2" x14ac:dyDescent="0.4">
      <c r="A338" t="s">
        <v>2477</v>
      </c>
      <c r="B338" t="s">
        <v>2478</v>
      </c>
    </row>
    <row r="339" spans="1:2" x14ac:dyDescent="0.4">
      <c r="A339" t="s">
        <v>2479</v>
      </c>
      <c r="B339" t="s">
        <v>2480</v>
      </c>
    </row>
    <row r="340" spans="1:2" x14ac:dyDescent="0.4">
      <c r="A340" t="s">
        <v>2481</v>
      </c>
      <c r="B340" t="s">
        <v>2482</v>
      </c>
    </row>
    <row r="341" spans="1:2" x14ac:dyDescent="0.4">
      <c r="A341" t="s">
        <v>2483</v>
      </c>
      <c r="B341" t="s">
        <v>2484</v>
      </c>
    </row>
    <row r="342" spans="1:2" x14ac:dyDescent="0.4">
      <c r="A342" t="s">
        <v>2485</v>
      </c>
      <c r="B342" t="s">
        <v>2486</v>
      </c>
    </row>
    <row r="343" spans="1:2" x14ac:dyDescent="0.4">
      <c r="A343" t="s">
        <v>2487</v>
      </c>
      <c r="B343" t="s">
        <v>2488</v>
      </c>
    </row>
    <row r="344" spans="1:2" x14ac:dyDescent="0.4">
      <c r="A344" t="s">
        <v>2489</v>
      </c>
      <c r="B344" t="s">
        <v>2490</v>
      </c>
    </row>
    <row r="345" spans="1:2" x14ac:dyDescent="0.4">
      <c r="A345" t="s">
        <v>2491</v>
      </c>
      <c r="B345" t="s">
        <v>2492</v>
      </c>
    </row>
    <row r="346" spans="1:2" x14ac:dyDescent="0.4">
      <c r="A346" t="s">
        <v>2493</v>
      </c>
      <c r="B346" t="s">
        <v>2494</v>
      </c>
    </row>
    <row r="347" spans="1:2" x14ac:dyDescent="0.4">
      <c r="A347" t="s">
        <v>2495</v>
      </c>
      <c r="B347" t="s">
        <v>2496</v>
      </c>
    </row>
    <row r="348" spans="1:2" x14ac:dyDescent="0.4">
      <c r="A348" t="s">
        <v>2497</v>
      </c>
      <c r="B348" t="s">
        <v>2498</v>
      </c>
    </row>
    <row r="349" spans="1:2" x14ac:dyDescent="0.4">
      <c r="A349" t="s">
        <v>2499</v>
      </c>
      <c r="B349" t="s">
        <v>2500</v>
      </c>
    </row>
    <row r="350" spans="1:2" x14ac:dyDescent="0.4">
      <c r="A350" t="s">
        <v>2501</v>
      </c>
      <c r="B350" t="s">
        <v>2502</v>
      </c>
    </row>
    <row r="351" spans="1:2" x14ac:dyDescent="0.4">
      <c r="A351" t="s">
        <v>2503</v>
      </c>
      <c r="B351" t="s">
        <v>2504</v>
      </c>
    </row>
    <row r="352" spans="1:2" x14ac:dyDescent="0.4">
      <c r="A352" t="s">
        <v>2505</v>
      </c>
      <c r="B352" t="s">
        <v>2506</v>
      </c>
    </row>
    <row r="353" spans="1:2" x14ac:dyDescent="0.4">
      <c r="A353" t="s">
        <v>2507</v>
      </c>
      <c r="B353" t="s">
        <v>2508</v>
      </c>
    </row>
    <row r="354" spans="1:2" x14ac:dyDescent="0.4">
      <c r="A354" t="s">
        <v>2509</v>
      </c>
      <c r="B354" t="s">
        <v>2510</v>
      </c>
    </row>
    <row r="355" spans="1:2" x14ac:dyDescent="0.4">
      <c r="A355" t="s">
        <v>2511</v>
      </c>
      <c r="B355" t="s">
        <v>2512</v>
      </c>
    </row>
    <row r="356" spans="1:2" x14ac:dyDescent="0.4">
      <c r="A356" t="s">
        <v>2513</v>
      </c>
      <c r="B356" t="s">
        <v>2514</v>
      </c>
    </row>
    <row r="357" spans="1:2" x14ac:dyDescent="0.4">
      <c r="A357" t="s">
        <v>2515</v>
      </c>
      <c r="B357" t="s">
        <v>2516</v>
      </c>
    </row>
    <row r="358" spans="1:2" x14ac:dyDescent="0.4">
      <c r="A358" t="s">
        <v>2517</v>
      </c>
      <c r="B358" t="s">
        <v>2518</v>
      </c>
    </row>
    <row r="359" spans="1:2" x14ac:dyDescent="0.4">
      <c r="A359" t="s">
        <v>2519</v>
      </c>
      <c r="B359" t="s">
        <v>2520</v>
      </c>
    </row>
    <row r="360" spans="1:2" x14ac:dyDescent="0.4">
      <c r="A360" t="s">
        <v>2521</v>
      </c>
      <c r="B360" t="s">
        <v>2522</v>
      </c>
    </row>
    <row r="361" spans="1:2" x14ac:dyDescent="0.4">
      <c r="A361" t="s">
        <v>2523</v>
      </c>
      <c r="B361" t="s">
        <v>2524</v>
      </c>
    </row>
    <row r="362" spans="1:2" x14ac:dyDescent="0.4">
      <c r="A362" t="s">
        <v>2525</v>
      </c>
      <c r="B362" t="s">
        <v>2526</v>
      </c>
    </row>
    <row r="363" spans="1:2" x14ac:dyDescent="0.4">
      <c r="A363" t="s">
        <v>2527</v>
      </c>
      <c r="B363" t="s">
        <v>2528</v>
      </c>
    </row>
    <row r="364" spans="1:2" x14ac:dyDescent="0.4">
      <c r="A364" t="s">
        <v>2529</v>
      </c>
      <c r="B364" t="s">
        <v>2530</v>
      </c>
    </row>
    <row r="365" spans="1:2" x14ac:dyDescent="0.4">
      <c r="A365" t="s">
        <v>2531</v>
      </c>
      <c r="B365" t="s">
        <v>2532</v>
      </c>
    </row>
    <row r="366" spans="1:2" x14ac:dyDescent="0.4">
      <c r="A366" t="s">
        <v>2533</v>
      </c>
      <c r="B366" t="s">
        <v>2534</v>
      </c>
    </row>
    <row r="367" spans="1:2" x14ac:dyDescent="0.4">
      <c r="A367" t="s">
        <v>2535</v>
      </c>
      <c r="B367" t="s">
        <v>2536</v>
      </c>
    </row>
    <row r="368" spans="1:2" x14ac:dyDescent="0.4">
      <c r="A368" t="s">
        <v>2537</v>
      </c>
      <c r="B368" t="s">
        <v>2538</v>
      </c>
    </row>
    <row r="369" spans="1:2" x14ac:dyDescent="0.4">
      <c r="A369" t="s">
        <v>2539</v>
      </c>
      <c r="B369" t="s">
        <v>2540</v>
      </c>
    </row>
    <row r="370" spans="1:2" x14ac:dyDescent="0.4">
      <c r="A370" t="s">
        <v>2541</v>
      </c>
      <c r="B370" t="s">
        <v>2542</v>
      </c>
    </row>
    <row r="371" spans="1:2" x14ac:dyDescent="0.4">
      <c r="A371" t="s">
        <v>2543</v>
      </c>
      <c r="B371" t="s">
        <v>2544</v>
      </c>
    </row>
    <row r="372" spans="1:2" x14ac:dyDescent="0.4">
      <c r="A372" t="s">
        <v>2545</v>
      </c>
      <c r="B372" t="s">
        <v>2546</v>
      </c>
    </row>
    <row r="373" spans="1:2" x14ac:dyDescent="0.4">
      <c r="A373" t="s">
        <v>2547</v>
      </c>
      <c r="B373" t="s">
        <v>2548</v>
      </c>
    </row>
    <row r="374" spans="1:2" x14ac:dyDescent="0.4">
      <c r="A374" t="s">
        <v>2549</v>
      </c>
      <c r="B374" t="s">
        <v>2550</v>
      </c>
    </row>
    <row r="375" spans="1:2" x14ac:dyDescent="0.4">
      <c r="A375" t="s">
        <v>2551</v>
      </c>
      <c r="B375" t="s">
        <v>2552</v>
      </c>
    </row>
    <row r="376" spans="1:2" x14ac:dyDescent="0.4">
      <c r="A376" t="s">
        <v>2553</v>
      </c>
      <c r="B376" t="s">
        <v>2554</v>
      </c>
    </row>
    <row r="377" spans="1:2" x14ac:dyDescent="0.4">
      <c r="A377" t="s">
        <v>2555</v>
      </c>
      <c r="B377" t="s">
        <v>2556</v>
      </c>
    </row>
    <row r="378" spans="1:2" x14ac:dyDescent="0.4">
      <c r="A378" t="s">
        <v>2557</v>
      </c>
      <c r="B378" t="s">
        <v>2558</v>
      </c>
    </row>
    <row r="379" spans="1:2" x14ac:dyDescent="0.4">
      <c r="A379" t="s">
        <v>2559</v>
      </c>
      <c r="B379" t="s">
        <v>2560</v>
      </c>
    </row>
    <row r="380" spans="1:2" x14ac:dyDescent="0.4">
      <c r="A380" t="s">
        <v>2561</v>
      </c>
      <c r="B380" t="s">
        <v>2562</v>
      </c>
    </row>
    <row r="381" spans="1:2" x14ac:dyDescent="0.4">
      <c r="A381" t="s">
        <v>2563</v>
      </c>
      <c r="B381" t="s">
        <v>2564</v>
      </c>
    </row>
    <row r="382" spans="1:2" x14ac:dyDescent="0.4">
      <c r="A382" t="s">
        <v>2565</v>
      </c>
      <c r="B382" t="s">
        <v>2566</v>
      </c>
    </row>
    <row r="383" spans="1:2" x14ac:dyDescent="0.4">
      <c r="A383" t="s">
        <v>2567</v>
      </c>
      <c r="B383" t="s">
        <v>2568</v>
      </c>
    </row>
    <row r="384" spans="1:2" x14ac:dyDescent="0.4">
      <c r="A384" t="s">
        <v>2569</v>
      </c>
      <c r="B384" t="s">
        <v>2570</v>
      </c>
    </row>
    <row r="385" spans="1:2" x14ac:dyDescent="0.4">
      <c r="A385" t="s">
        <v>2571</v>
      </c>
      <c r="B385" t="s">
        <v>2572</v>
      </c>
    </row>
    <row r="386" spans="1:2" x14ac:dyDescent="0.4">
      <c r="A386" t="s">
        <v>2573</v>
      </c>
      <c r="B386" t="s">
        <v>2574</v>
      </c>
    </row>
    <row r="387" spans="1:2" x14ac:dyDescent="0.4">
      <c r="A387" t="s">
        <v>2575</v>
      </c>
      <c r="B387" t="s">
        <v>2576</v>
      </c>
    </row>
    <row r="388" spans="1:2" x14ac:dyDescent="0.4">
      <c r="A388" t="s">
        <v>2577</v>
      </c>
      <c r="B388" t="s">
        <v>2578</v>
      </c>
    </row>
    <row r="389" spans="1:2" x14ac:dyDescent="0.4">
      <c r="A389" t="s">
        <v>2579</v>
      </c>
      <c r="B389" t="s">
        <v>2580</v>
      </c>
    </row>
    <row r="390" spans="1:2" x14ac:dyDescent="0.4">
      <c r="A390" t="s">
        <v>2581</v>
      </c>
      <c r="B390" t="s">
        <v>2582</v>
      </c>
    </row>
    <row r="391" spans="1:2" x14ac:dyDescent="0.4">
      <c r="A391" t="s">
        <v>2583</v>
      </c>
      <c r="B391" t="s">
        <v>2584</v>
      </c>
    </row>
    <row r="392" spans="1:2" x14ac:dyDescent="0.4">
      <c r="A392" t="s">
        <v>2585</v>
      </c>
      <c r="B392" t="s">
        <v>2586</v>
      </c>
    </row>
    <row r="393" spans="1:2" x14ac:dyDescent="0.4">
      <c r="A393" t="s">
        <v>2587</v>
      </c>
      <c r="B393" t="s">
        <v>2588</v>
      </c>
    </row>
    <row r="394" spans="1:2" x14ac:dyDescent="0.4">
      <c r="A394" t="s">
        <v>2589</v>
      </c>
      <c r="B394" t="s">
        <v>2590</v>
      </c>
    </row>
    <row r="395" spans="1:2" x14ac:dyDescent="0.4">
      <c r="A395" t="s">
        <v>2591</v>
      </c>
      <c r="B395" t="s">
        <v>2592</v>
      </c>
    </row>
    <row r="396" spans="1:2" x14ac:dyDescent="0.4">
      <c r="A396" t="s">
        <v>2593</v>
      </c>
      <c r="B396" t="s">
        <v>2594</v>
      </c>
    </row>
    <row r="397" spans="1:2" x14ac:dyDescent="0.4">
      <c r="A397" t="s">
        <v>2595</v>
      </c>
      <c r="B397" t="s">
        <v>2596</v>
      </c>
    </row>
    <row r="398" spans="1:2" x14ac:dyDescent="0.4">
      <c r="A398" t="s">
        <v>2597</v>
      </c>
      <c r="B398" t="s">
        <v>2598</v>
      </c>
    </row>
    <row r="399" spans="1:2" x14ac:dyDescent="0.4">
      <c r="A399" t="s">
        <v>2599</v>
      </c>
      <c r="B399" t="s">
        <v>2600</v>
      </c>
    </row>
    <row r="400" spans="1:2" x14ac:dyDescent="0.4">
      <c r="A400" t="s">
        <v>2601</v>
      </c>
      <c r="B400" t="s">
        <v>2602</v>
      </c>
    </row>
    <row r="401" spans="1:2" x14ac:dyDescent="0.4">
      <c r="A401" t="s">
        <v>2603</v>
      </c>
      <c r="B401" t="s">
        <v>2604</v>
      </c>
    </row>
    <row r="402" spans="1:2" x14ac:dyDescent="0.4">
      <c r="A402" t="s">
        <v>2605</v>
      </c>
      <c r="B402" t="s">
        <v>2606</v>
      </c>
    </row>
    <row r="403" spans="1:2" x14ac:dyDescent="0.4">
      <c r="A403" t="s">
        <v>2607</v>
      </c>
      <c r="B403" t="s">
        <v>2608</v>
      </c>
    </row>
    <row r="404" spans="1:2" x14ac:dyDescent="0.4">
      <c r="A404" t="s">
        <v>2609</v>
      </c>
      <c r="B404" t="s">
        <v>2610</v>
      </c>
    </row>
    <row r="405" spans="1:2" x14ac:dyDescent="0.4">
      <c r="A405" t="s">
        <v>2611</v>
      </c>
      <c r="B405" t="s">
        <v>2612</v>
      </c>
    </row>
    <row r="406" spans="1:2" x14ac:dyDescent="0.4">
      <c r="A406" t="s">
        <v>2613</v>
      </c>
      <c r="B406" t="s">
        <v>2614</v>
      </c>
    </row>
    <row r="407" spans="1:2" x14ac:dyDescent="0.4">
      <c r="A407" t="s">
        <v>2615</v>
      </c>
      <c r="B407" t="s">
        <v>2616</v>
      </c>
    </row>
    <row r="408" spans="1:2" x14ac:dyDescent="0.4">
      <c r="A408" t="s">
        <v>2617</v>
      </c>
      <c r="B408" t="s">
        <v>2618</v>
      </c>
    </row>
    <row r="409" spans="1:2" x14ac:dyDescent="0.4">
      <c r="A409" t="s">
        <v>2619</v>
      </c>
      <c r="B409" t="s">
        <v>2620</v>
      </c>
    </row>
    <row r="410" spans="1:2" x14ac:dyDescent="0.4">
      <c r="A410" t="s">
        <v>2621</v>
      </c>
      <c r="B410" t="s">
        <v>2622</v>
      </c>
    </row>
    <row r="411" spans="1:2" x14ac:dyDescent="0.4">
      <c r="A411" t="s">
        <v>2623</v>
      </c>
      <c r="B411" t="s">
        <v>2624</v>
      </c>
    </row>
    <row r="412" spans="1:2" x14ac:dyDescent="0.4">
      <c r="A412" t="s">
        <v>2625</v>
      </c>
      <c r="B412" t="s">
        <v>2626</v>
      </c>
    </row>
    <row r="413" spans="1:2" x14ac:dyDescent="0.4">
      <c r="A413" t="s">
        <v>2627</v>
      </c>
      <c r="B413" t="s">
        <v>2628</v>
      </c>
    </row>
    <row r="414" spans="1:2" x14ac:dyDescent="0.4">
      <c r="A414" t="s">
        <v>2629</v>
      </c>
      <c r="B414" t="s">
        <v>2630</v>
      </c>
    </row>
    <row r="415" spans="1:2" x14ac:dyDescent="0.4">
      <c r="A415" t="s">
        <v>2631</v>
      </c>
      <c r="B415" t="s">
        <v>2632</v>
      </c>
    </row>
    <row r="416" spans="1:2" x14ac:dyDescent="0.4">
      <c r="A416" t="s">
        <v>2633</v>
      </c>
      <c r="B416" t="s">
        <v>2634</v>
      </c>
    </row>
    <row r="417" spans="1:2" x14ac:dyDescent="0.4">
      <c r="A417" t="s">
        <v>2635</v>
      </c>
      <c r="B417" t="s">
        <v>2636</v>
      </c>
    </row>
    <row r="418" spans="1:2" x14ac:dyDescent="0.4">
      <c r="A418" t="s">
        <v>2637</v>
      </c>
      <c r="B418" t="s">
        <v>2638</v>
      </c>
    </row>
    <row r="419" spans="1:2" x14ac:dyDescent="0.4">
      <c r="A419" t="s">
        <v>2639</v>
      </c>
      <c r="B419" t="s">
        <v>2640</v>
      </c>
    </row>
    <row r="420" spans="1:2" x14ac:dyDescent="0.4">
      <c r="A420" t="s">
        <v>2641</v>
      </c>
      <c r="B420" t="s">
        <v>2642</v>
      </c>
    </row>
    <row r="421" spans="1:2" x14ac:dyDescent="0.4">
      <c r="A421" t="s">
        <v>2643</v>
      </c>
      <c r="B421" t="s">
        <v>2644</v>
      </c>
    </row>
    <row r="422" spans="1:2" x14ac:dyDescent="0.4">
      <c r="A422" t="s">
        <v>2645</v>
      </c>
      <c r="B422" t="s">
        <v>2646</v>
      </c>
    </row>
    <row r="423" spans="1:2" x14ac:dyDescent="0.4">
      <c r="A423" t="s">
        <v>2647</v>
      </c>
      <c r="B423" t="s">
        <v>2648</v>
      </c>
    </row>
    <row r="424" spans="1:2" x14ac:dyDescent="0.4">
      <c r="A424" t="s">
        <v>2649</v>
      </c>
      <c r="B424" t="s">
        <v>2650</v>
      </c>
    </row>
    <row r="425" spans="1:2" x14ac:dyDescent="0.4">
      <c r="A425" t="s">
        <v>2651</v>
      </c>
      <c r="B425" t="s">
        <v>2652</v>
      </c>
    </row>
    <row r="426" spans="1:2" x14ac:dyDescent="0.4">
      <c r="A426" t="s">
        <v>2653</v>
      </c>
      <c r="B426" t="s">
        <v>2654</v>
      </c>
    </row>
    <row r="427" spans="1:2" x14ac:dyDescent="0.4">
      <c r="A427" t="s">
        <v>2655</v>
      </c>
      <c r="B427" t="s">
        <v>2656</v>
      </c>
    </row>
    <row r="428" spans="1:2" x14ac:dyDescent="0.4">
      <c r="A428" t="s">
        <v>2657</v>
      </c>
      <c r="B428" t="s">
        <v>2658</v>
      </c>
    </row>
    <row r="429" spans="1:2" x14ac:dyDescent="0.4">
      <c r="A429" t="s">
        <v>2659</v>
      </c>
      <c r="B429" t="s">
        <v>2660</v>
      </c>
    </row>
    <row r="430" spans="1:2" x14ac:dyDescent="0.4">
      <c r="A430" t="s">
        <v>2661</v>
      </c>
      <c r="B430" t="s">
        <v>2662</v>
      </c>
    </row>
    <row r="431" spans="1:2" x14ac:dyDescent="0.4">
      <c r="A431" t="s">
        <v>2663</v>
      </c>
      <c r="B431" t="s">
        <v>2664</v>
      </c>
    </row>
    <row r="432" spans="1:2" x14ac:dyDescent="0.4">
      <c r="A432" t="s">
        <v>2665</v>
      </c>
      <c r="B432" t="s">
        <v>2666</v>
      </c>
    </row>
    <row r="433" spans="1:2" x14ac:dyDescent="0.4">
      <c r="A433" t="s">
        <v>2667</v>
      </c>
      <c r="B433" t="s">
        <v>2668</v>
      </c>
    </row>
    <row r="434" spans="1:2" x14ac:dyDescent="0.4">
      <c r="A434" t="s">
        <v>2669</v>
      </c>
      <c r="B434" t="s">
        <v>2670</v>
      </c>
    </row>
    <row r="435" spans="1:2" x14ac:dyDescent="0.4">
      <c r="A435" t="s">
        <v>2671</v>
      </c>
      <c r="B435" t="s">
        <v>2672</v>
      </c>
    </row>
    <row r="436" spans="1:2" x14ac:dyDescent="0.4">
      <c r="A436" t="s">
        <v>2673</v>
      </c>
      <c r="B436" t="s">
        <v>2674</v>
      </c>
    </row>
    <row r="437" spans="1:2" x14ac:dyDescent="0.4">
      <c r="A437" t="s">
        <v>2675</v>
      </c>
      <c r="B437" t="s">
        <v>2676</v>
      </c>
    </row>
    <row r="438" spans="1:2" x14ac:dyDescent="0.4">
      <c r="A438" t="s">
        <v>2677</v>
      </c>
      <c r="B438" t="s">
        <v>2678</v>
      </c>
    </row>
    <row r="439" spans="1:2" x14ac:dyDescent="0.4">
      <c r="A439" t="s">
        <v>2679</v>
      </c>
      <c r="B439" t="s">
        <v>2680</v>
      </c>
    </row>
    <row r="440" spans="1:2" x14ac:dyDescent="0.4">
      <c r="A440" t="s">
        <v>2681</v>
      </c>
      <c r="B440" t="s">
        <v>2682</v>
      </c>
    </row>
    <row r="441" spans="1:2" x14ac:dyDescent="0.4">
      <c r="A441" t="s">
        <v>2683</v>
      </c>
      <c r="B441" t="s">
        <v>2684</v>
      </c>
    </row>
    <row r="442" spans="1:2" x14ac:dyDescent="0.4">
      <c r="A442" t="s">
        <v>2685</v>
      </c>
      <c r="B442" t="s">
        <v>2686</v>
      </c>
    </row>
    <row r="443" spans="1:2" x14ac:dyDescent="0.4">
      <c r="A443" t="s">
        <v>2687</v>
      </c>
      <c r="B443" t="s">
        <v>2688</v>
      </c>
    </row>
    <row r="444" spans="1:2" x14ac:dyDescent="0.4">
      <c r="A444" t="s">
        <v>2689</v>
      </c>
      <c r="B444" t="s">
        <v>2690</v>
      </c>
    </row>
    <row r="445" spans="1:2" x14ac:dyDescent="0.4">
      <c r="A445" t="s">
        <v>2691</v>
      </c>
      <c r="B445" t="s">
        <v>2692</v>
      </c>
    </row>
    <row r="446" spans="1:2" x14ac:dyDescent="0.4">
      <c r="A446" t="s">
        <v>2693</v>
      </c>
      <c r="B446" t="s">
        <v>2694</v>
      </c>
    </row>
    <row r="447" spans="1:2" x14ac:dyDescent="0.4">
      <c r="A447" t="s">
        <v>2695</v>
      </c>
      <c r="B447" t="s">
        <v>2696</v>
      </c>
    </row>
    <row r="448" spans="1:2" x14ac:dyDescent="0.4">
      <c r="A448" t="s">
        <v>2697</v>
      </c>
      <c r="B448" t="s">
        <v>2698</v>
      </c>
    </row>
    <row r="449" spans="1:2" x14ac:dyDescent="0.4">
      <c r="A449" t="s">
        <v>2699</v>
      </c>
      <c r="B449" t="s">
        <v>2700</v>
      </c>
    </row>
    <row r="450" spans="1:2" x14ac:dyDescent="0.4">
      <c r="A450" t="s">
        <v>2701</v>
      </c>
      <c r="B450" t="s">
        <v>2702</v>
      </c>
    </row>
    <row r="451" spans="1:2" x14ac:dyDescent="0.4">
      <c r="A451" t="s">
        <v>2703</v>
      </c>
      <c r="B451" t="s">
        <v>2704</v>
      </c>
    </row>
    <row r="452" spans="1:2" x14ac:dyDescent="0.4">
      <c r="A452" t="s">
        <v>2705</v>
      </c>
      <c r="B452" t="s">
        <v>2706</v>
      </c>
    </row>
    <row r="453" spans="1:2" x14ac:dyDescent="0.4">
      <c r="A453" t="s">
        <v>2707</v>
      </c>
      <c r="B453" t="s">
        <v>2708</v>
      </c>
    </row>
    <row r="454" spans="1:2" x14ac:dyDescent="0.4">
      <c r="A454" t="s">
        <v>2709</v>
      </c>
      <c r="B454" t="s">
        <v>2710</v>
      </c>
    </row>
    <row r="455" spans="1:2" x14ac:dyDescent="0.4">
      <c r="A455" t="s">
        <v>2711</v>
      </c>
      <c r="B455" t="s">
        <v>2712</v>
      </c>
    </row>
    <row r="456" spans="1:2" x14ac:dyDescent="0.4">
      <c r="A456" t="s">
        <v>2713</v>
      </c>
      <c r="B456" t="s">
        <v>2714</v>
      </c>
    </row>
    <row r="457" spans="1:2" x14ac:dyDescent="0.4">
      <c r="A457" t="s">
        <v>2715</v>
      </c>
      <c r="B457" t="s">
        <v>2716</v>
      </c>
    </row>
    <row r="458" spans="1:2" x14ac:dyDescent="0.4">
      <c r="A458" t="s">
        <v>2717</v>
      </c>
      <c r="B458" t="s">
        <v>2718</v>
      </c>
    </row>
    <row r="459" spans="1:2" x14ac:dyDescent="0.4">
      <c r="A459" t="s">
        <v>2719</v>
      </c>
      <c r="B459" t="s">
        <v>2720</v>
      </c>
    </row>
    <row r="460" spans="1:2" x14ac:dyDescent="0.4">
      <c r="A460" t="s">
        <v>2721</v>
      </c>
      <c r="B460" t="s">
        <v>2722</v>
      </c>
    </row>
    <row r="461" spans="1:2" x14ac:dyDescent="0.4">
      <c r="A461" t="s">
        <v>2723</v>
      </c>
      <c r="B461" t="s">
        <v>2724</v>
      </c>
    </row>
    <row r="462" spans="1:2" x14ac:dyDescent="0.4">
      <c r="A462" t="s">
        <v>2725</v>
      </c>
      <c r="B462" t="s">
        <v>2726</v>
      </c>
    </row>
    <row r="463" spans="1:2" x14ac:dyDescent="0.4">
      <c r="A463" t="s">
        <v>2727</v>
      </c>
      <c r="B463" t="s">
        <v>2728</v>
      </c>
    </row>
    <row r="464" spans="1:2" x14ac:dyDescent="0.4">
      <c r="A464" t="s">
        <v>2729</v>
      </c>
      <c r="B464" t="s">
        <v>2730</v>
      </c>
    </row>
    <row r="465" spans="1:2" x14ac:dyDescent="0.4">
      <c r="A465" t="s">
        <v>2731</v>
      </c>
      <c r="B465" t="s">
        <v>2732</v>
      </c>
    </row>
    <row r="466" spans="1:2" x14ac:dyDescent="0.4">
      <c r="A466" t="s">
        <v>2733</v>
      </c>
      <c r="B466" t="s">
        <v>2734</v>
      </c>
    </row>
    <row r="467" spans="1:2" x14ac:dyDescent="0.4">
      <c r="A467" t="s">
        <v>2735</v>
      </c>
      <c r="B467" t="s">
        <v>2736</v>
      </c>
    </row>
    <row r="468" spans="1:2" x14ac:dyDescent="0.4">
      <c r="A468" t="s">
        <v>2737</v>
      </c>
      <c r="B468" t="s">
        <v>2738</v>
      </c>
    </row>
    <row r="469" spans="1:2" x14ac:dyDescent="0.4">
      <c r="A469" t="s">
        <v>2739</v>
      </c>
      <c r="B469" t="s">
        <v>2740</v>
      </c>
    </row>
    <row r="470" spans="1:2" x14ac:dyDescent="0.4">
      <c r="A470" t="s">
        <v>2741</v>
      </c>
      <c r="B470" t="s">
        <v>2742</v>
      </c>
    </row>
    <row r="471" spans="1:2" x14ac:dyDescent="0.4">
      <c r="A471" t="s">
        <v>2743</v>
      </c>
      <c r="B471" t="s">
        <v>2744</v>
      </c>
    </row>
    <row r="472" spans="1:2" x14ac:dyDescent="0.4">
      <c r="A472" t="s">
        <v>2745</v>
      </c>
      <c r="B472" t="s">
        <v>2746</v>
      </c>
    </row>
    <row r="473" spans="1:2" x14ac:dyDescent="0.4">
      <c r="A473" t="s">
        <v>2747</v>
      </c>
      <c r="B473" t="s">
        <v>2748</v>
      </c>
    </row>
    <row r="474" spans="1:2" x14ac:dyDescent="0.4">
      <c r="A474" t="s">
        <v>2749</v>
      </c>
      <c r="B474" t="s">
        <v>2750</v>
      </c>
    </row>
    <row r="475" spans="1:2" x14ac:dyDescent="0.4">
      <c r="A475" t="s">
        <v>2751</v>
      </c>
      <c r="B475" t="s">
        <v>2752</v>
      </c>
    </row>
    <row r="476" spans="1:2" x14ac:dyDescent="0.4">
      <c r="A476" t="s">
        <v>2753</v>
      </c>
      <c r="B476" t="s">
        <v>2754</v>
      </c>
    </row>
    <row r="477" spans="1:2" x14ac:dyDescent="0.4">
      <c r="A477" t="s">
        <v>2755</v>
      </c>
      <c r="B477" t="s">
        <v>2756</v>
      </c>
    </row>
    <row r="478" spans="1:2" x14ac:dyDescent="0.4">
      <c r="A478" t="s">
        <v>2757</v>
      </c>
      <c r="B478" t="s">
        <v>2758</v>
      </c>
    </row>
    <row r="479" spans="1:2" x14ac:dyDescent="0.4">
      <c r="A479" t="s">
        <v>2759</v>
      </c>
      <c r="B479" t="s">
        <v>2760</v>
      </c>
    </row>
    <row r="480" spans="1:2" x14ac:dyDescent="0.4">
      <c r="A480" t="s">
        <v>2761</v>
      </c>
      <c r="B480" t="s">
        <v>2762</v>
      </c>
    </row>
    <row r="481" spans="1:2" x14ac:dyDescent="0.4">
      <c r="A481" t="s">
        <v>2763</v>
      </c>
      <c r="B481" t="s">
        <v>2764</v>
      </c>
    </row>
    <row r="482" spans="1:2" x14ac:dyDescent="0.4">
      <c r="A482" t="s">
        <v>2765</v>
      </c>
      <c r="B482" t="s">
        <v>2766</v>
      </c>
    </row>
    <row r="483" spans="1:2" x14ac:dyDescent="0.4">
      <c r="A483" t="s">
        <v>2767</v>
      </c>
      <c r="B483" t="s">
        <v>2768</v>
      </c>
    </row>
    <row r="484" spans="1:2" x14ac:dyDescent="0.4">
      <c r="A484" t="s">
        <v>2769</v>
      </c>
      <c r="B484" t="s">
        <v>2770</v>
      </c>
    </row>
    <row r="485" spans="1:2" x14ac:dyDescent="0.4">
      <c r="A485" t="s">
        <v>2771</v>
      </c>
      <c r="B485" t="s">
        <v>2772</v>
      </c>
    </row>
    <row r="486" spans="1:2" x14ac:dyDescent="0.4">
      <c r="A486" t="s">
        <v>2773</v>
      </c>
      <c r="B486" t="s">
        <v>2774</v>
      </c>
    </row>
    <row r="487" spans="1:2" x14ac:dyDescent="0.4">
      <c r="A487" t="s">
        <v>2775</v>
      </c>
      <c r="B487" t="s">
        <v>2776</v>
      </c>
    </row>
    <row r="488" spans="1:2" x14ac:dyDescent="0.4">
      <c r="A488" t="s">
        <v>2777</v>
      </c>
      <c r="B488" t="s">
        <v>2778</v>
      </c>
    </row>
    <row r="489" spans="1:2" x14ac:dyDescent="0.4">
      <c r="A489" t="s">
        <v>2779</v>
      </c>
      <c r="B489" t="s">
        <v>2780</v>
      </c>
    </row>
    <row r="490" spans="1:2" x14ac:dyDescent="0.4">
      <c r="A490" t="s">
        <v>2781</v>
      </c>
      <c r="B490" t="s">
        <v>2782</v>
      </c>
    </row>
    <row r="491" spans="1:2" x14ac:dyDescent="0.4">
      <c r="A491" t="s">
        <v>2783</v>
      </c>
      <c r="B491" t="s">
        <v>2784</v>
      </c>
    </row>
    <row r="492" spans="1:2" x14ac:dyDescent="0.4">
      <c r="A492" t="s">
        <v>2785</v>
      </c>
      <c r="B492" t="s">
        <v>2786</v>
      </c>
    </row>
    <row r="493" spans="1:2" x14ac:dyDescent="0.4">
      <c r="A493" t="s">
        <v>2787</v>
      </c>
      <c r="B493" t="s">
        <v>2788</v>
      </c>
    </row>
    <row r="494" spans="1:2" x14ac:dyDescent="0.4">
      <c r="A494" t="s">
        <v>2789</v>
      </c>
      <c r="B494" t="s">
        <v>2790</v>
      </c>
    </row>
    <row r="495" spans="1:2" x14ac:dyDescent="0.4">
      <c r="A495" t="s">
        <v>2791</v>
      </c>
      <c r="B495" t="s">
        <v>2792</v>
      </c>
    </row>
    <row r="496" spans="1:2" x14ac:dyDescent="0.4">
      <c r="A496" t="s">
        <v>2793</v>
      </c>
      <c r="B496" t="s">
        <v>2794</v>
      </c>
    </row>
    <row r="497" spans="1:2" x14ac:dyDescent="0.4">
      <c r="A497" t="s">
        <v>2795</v>
      </c>
      <c r="B497" t="s">
        <v>2796</v>
      </c>
    </row>
    <row r="498" spans="1:2" x14ac:dyDescent="0.4">
      <c r="A498" t="s">
        <v>2797</v>
      </c>
      <c r="B498" t="s">
        <v>2798</v>
      </c>
    </row>
    <row r="499" spans="1:2" x14ac:dyDescent="0.4">
      <c r="A499" t="s">
        <v>2799</v>
      </c>
      <c r="B499" t="s">
        <v>2800</v>
      </c>
    </row>
    <row r="500" spans="1:2" x14ac:dyDescent="0.4">
      <c r="A500" t="s">
        <v>2801</v>
      </c>
      <c r="B500" t="s">
        <v>2802</v>
      </c>
    </row>
    <row r="501" spans="1:2" x14ac:dyDescent="0.4">
      <c r="A501" t="s">
        <v>2803</v>
      </c>
      <c r="B501" t="s">
        <v>2804</v>
      </c>
    </row>
    <row r="502" spans="1:2" x14ac:dyDescent="0.4">
      <c r="A502" t="s">
        <v>2805</v>
      </c>
      <c r="B502" t="s">
        <v>2806</v>
      </c>
    </row>
    <row r="503" spans="1:2" x14ac:dyDescent="0.4">
      <c r="A503" t="s">
        <v>2807</v>
      </c>
      <c r="B503" t="s">
        <v>2808</v>
      </c>
    </row>
    <row r="504" spans="1:2" x14ac:dyDescent="0.4">
      <c r="A504" t="s">
        <v>2809</v>
      </c>
      <c r="B504" t="s">
        <v>2810</v>
      </c>
    </row>
    <row r="505" spans="1:2" x14ac:dyDescent="0.4">
      <c r="A505" t="s">
        <v>2811</v>
      </c>
      <c r="B505" t="s">
        <v>2812</v>
      </c>
    </row>
    <row r="506" spans="1:2" x14ac:dyDescent="0.4">
      <c r="A506" t="s">
        <v>2813</v>
      </c>
      <c r="B506" t="s">
        <v>2814</v>
      </c>
    </row>
    <row r="507" spans="1:2" x14ac:dyDescent="0.4">
      <c r="A507" t="s">
        <v>2815</v>
      </c>
      <c r="B507" t="s">
        <v>2816</v>
      </c>
    </row>
    <row r="508" spans="1:2" x14ac:dyDescent="0.4">
      <c r="A508" t="s">
        <v>2817</v>
      </c>
      <c r="B508" t="s">
        <v>2818</v>
      </c>
    </row>
    <row r="509" spans="1:2" x14ac:dyDescent="0.4">
      <c r="A509" t="s">
        <v>2819</v>
      </c>
      <c r="B509" t="s">
        <v>2820</v>
      </c>
    </row>
    <row r="510" spans="1:2" x14ac:dyDescent="0.4">
      <c r="A510" t="s">
        <v>2821</v>
      </c>
      <c r="B510" t="s">
        <v>2822</v>
      </c>
    </row>
    <row r="511" spans="1:2" x14ac:dyDescent="0.4">
      <c r="A511" t="s">
        <v>2823</v>
      </c>
      <c r="B511" t="s">
        <v>2824</v>
      </c>
    </row>
    <row r="512" spans="1:2" x14ac:dyDescent="0.4">
      <c r="A512" t="s">
        <v>2825</v>
      </c>
      <c r="B512" t="s">
        <v>2826</v>
      </c>
    </row>
    <row r="513" spans="1:2" x14ac:dyDescent="0.4">
      <c r="A513" t="s">
        <v>2827</v>
      </c>
      <c r="B513" t="s">
        <v>2828</v>
      </c>
    </row>
    <row r="514" spans="1:2" x14ac:dyDescent="0.4">
      <c r="A514" t="s">
        <v>2829</v>
      </c>
      <c r="B514" t="s">
        <v>2830</v>
      </c>
    </row>
    <row r="515" spans="1:2" x14ac:dyDescent="0.4">
      <c r="A515" t="s">
        <v>2831</v>
      </c>
      <c r="B515" t="s">
        <v>2832</v>
      </c>
    </row>
    <row r="516" spans="1:2" x14ac:dyDescent="0.4">
      <c r="A516" t="s">
        <v>2833</v>
      </c>
      <c r="B516" t="s">
        <v>2834</v>
      </c>
    </row>
    <row r="517" spans="1:2" x14ac:dyDescent="0.4">
      <c r="A517" t="s">
        <v>2835</v>
      </c>
      <c r="B517" t="s">
        <v>2836</v>
      </c>
    </row>
    <row r="518" spans="1:2" x14ac:dyDescent="0.4">
      <c r="A518" t="s">
        <v>2837</v>
      </c>
      <c r="B518" t="s">
        <v>2838</v>
      </c>
    </row>
    <row r="519" spans="1:2" x14ac:dyDescent="0.4">
      <c r="A519" t="s">
        <v>2839</v>
      </c>
      <c r="B519" t="s">
        <v>2840</v>
      </c>
    </row>
    <row r="520" spans="1:2" x14ac:dyDescent="0.4">
      <c r="A520" t="s">
        <v>2841</v>
      </c>
      <c r="B520" t="s">
        <v>2842</v>
      </c>
    </row>
    <row r="521" spans="1:2" x14ac:dyDescent="0.4">
      <c r="A521" t="s">
        <v>2843</v>
      </c>
      <c r="B521" t="s">
        <v>2844</v>
      </c>
    </row>
    <row r="522" spans="1:2" x14ac:dyDescent="0.4">
      <c r="A522" t="s">
        <v>2845</v>
      </c>
      <c r="B522" t="s">
        <v>2846</v>
      </c>
    </row>
    <row r="523" spans="1:2" x14ac:dyDescent="0.4">
      <c r="A523" t="s">
        <v>2847</v>
      </c>
      <c r="B523" t="s">
        <v>2848</v>
      </c>
    </row>
    <row r="524" spans="1:2" x14ac:dyDescent="0.4">
      <c r="A524" t="s">
        <v>2849</v>
      </c>
      <c r="B524" t="s">
        <v>2850</v>
      </c>
    </row>
    <row r="525" spans="1:2" x14ac:dyDescent="0.4">
      <c r="A525" t="s">
        <v>2851</v>
      </c>
      <c r="B525" t="s">
        <v>2852</v>
      </c>
    </row>
    <row r="526" spans="1:2" x14ac:dyDescent="0.4">
      <c r="A526" t="s">
        <v>2853</v>
      </c>
      <c r="B526" t="s">
        <v>2854</v>
      </c>
    </row>
    <row r="527" spans="1:2" x14ac:dyDescent="0.4">
      <c r="A527" t="s">
        <v>2855</v>
      </c>
      <c r="B527" t="s">
        <v>2856</v>
      </c>
    </row>
    <row r="528" spans="1:2" x14ac:dyDescent="0.4">
      <c r="A528" t="s">
        <v>2857</v>
      </c>
      <c r="B528" t="s">
        <v>2858</v>
      </c>
    </row>
    <row r="529" spans="1:2" x14ac:dyDescent="0.4">
      <c r="A529" t="s">
        <v>2859</v>
      </c>
      <c r="B529" t="s">
        <v>2860</v>
      </c>
    </row>
    <row r="530" spans="1:2" x14ac:dyDescent="0.4">
      <c r="A530" t="s">
        <v>2861</v>
      </c>
      <c r="B530" t="s">
        <v>2862</v>
      </c>
    </row>
    <row r="531" spans="1:2" x14ac:dyDescent="0.4">
      <c r="A531" t="s">
        <v>2863</v>
      </c>
      <c r="B531" t="s">
        <v>2864</v>
      </c>
    </row>
    <row r="532" spans="1:2" x14ac:dyDescent="0.4">
      <c r="A532" t="s">
        <v>2865</v>
      </c>
      <c r="B532" t="s">
        <v>2866</v>
      </c>
    </row>
    <row r="533" spans="1:2" x14ac:dyDescent="0.4">
      <c r="A533" t="s">
        <v>2867</v>
      </c>
      <c r="B533" t="s">
        <v>2868</v>
      </c>
    </row>
    <row r="534" spans="1:2" x14ac:dyDescent="0.4">
      <c r="A534" t="s">
        <v>2869</v>
      </c>
      <c r="B534" t="s">
        <v>2870</v>
      </c>
    </row>
    <row r="535" spans="1:2" x14ac:dyDescent="0.4">
      <c r="A535" t="s">
        <v>2871</v>
      </c>
      <c r="B535" t="s">
        <v>2872</v>
      </c>
    </row>
    <row r="536" spans="1:2" x14ac:dyDescent="0.4">
      <c r="A536" t="s">
        <v>2873</v>
      </c>
      <c r="B536" t="s">
        <v>2874</v>
      </c>
    </row>
    <row r="537" spans="1:2" x14ac:dyDescent="0.4">
      <c r="A537" t="s">
        <v>2875</v>
      </c>
      <c r="B537" t="s">
        <v>2876</v>
      </c>
    </row>
    <row r="538" spans="1:2" x14ac:dyDescent="0.4">
      <c r="A538" t="s">
        <v>2877</v>
      </c>
      <c r="B538" t="s">
        <v>2878</v>
      </c>
    </row>
    <row r="539" spans="1:2" x14ac:dyDescent="0.4">
      <c r="A539" t="s">
        <v>2879</v>
      </c>
      <c r="B539" t="s">
        <v>2880</v>
      </c>
    </row>
    <row r="540" spans="1:2" x14ac:dyDescent="0.4">
      <c r="A540" t="s">
        <v>2881</v>
      </c>
      <c r="B540" t="s">
        <v>2882</v>
      </c>
    </row>
    <row r="541" spans="1:2" x14ac:dyDescent="0.4">
      <c r="A541" t="s">
        <v>2883</v>
      </c>
      <c r="B541" t="s">
        <v>2884</v>
      </c>
    </row>
    <row r="542" spans="1:2" x14ac:dyDescent="0.4">
      <c r="A542" t="s">
        <v>2885</v>
      </c>
      <c r="B542" t="s">
        <v>2886</v>
      </c>
    </row>
    <row r="543" spans="1:2" x14ac:dyDescent="0.4">
      <c r="A543" t="s">
        <v>2887</v>
      </c>
      <c r="B543" t="s">
        <v>2888</v>
      </c>
    </row>
    <row r="544" spans="1:2" x14ac:dyDescent="0.4">
      <c r="A544" t="s">
        <v>2889</v>
      </c>
      <c r="B544" t="s">
        <v>2890</v>
      </c>
    </row>
    <row r="545" spans="1:2" x14ac:dyDescent="0.4">
      <c r="A545" t="s">
        <v>2891</v>
      </c>
      <c r="B545" t="s">
        <v>2892</v>
      </c>
    </row>
    <row r="546" spans="1:2" x14ac:dyDescent="0.4">
      <c r="A546" t="s">
        <v>2893</v>
      </c>
      <c r="B546" t="s">
        <v>2894</v>
      </c>
    </row>
    <row r="547" spans="1:2" x14ac:dyDescent="0.4">
      <c r="A547" t="s">
        <v>2895</v>
      </c>
      <c r="B547" t="s">
        <v>2896</v>
      </c>
    </row>
    <row r="548" spans="1:2" x14ac:dyDescent="0.4">
      <c r="A548" t="s">
        <v>2897</v>
      </c>
      <c r="B548" t="s">
        <v>2898</v>
      </c>
    </row>
    <row r="549" spans="1:2" x14ac:dyDescent="0.4">
      <c r="A549" t="s">
        <v>2899</v>
      </c>
      <c r="B549" t="s">
        <v>2900</v>
      </c>
    </row>
    <row r="550" spans="1:2" x14ac:dyDescent="0.4">
      <c r="A550" t="s">
        <v>2901</v>
      </c>
      <c r="B550" t="s">
        <v>2902</v>
      </c>
    </row>
    <row r="551" spans="1:2" x14ac:dyDescent="0.4">
      <c r="A551" t="s">
        <v>2903</v>
      </c>
      <c r="B551" t="s">
        <v>2904</v>
      </c>
    </row>
    <row r="552" spans="1:2" x14ac:dyDescent="0.4">
      <c r="A552" t="s">
        <v>2905</v>
      </c>
      <c r="B552" t="s">
        <v>2906</v>
      </c>
    </row>
    <row r="553" spans="1:2" x14ac:dyDescent="0.4">
      <c r="A553" t="s">
        <v>2907</v>
      </c>
      <c r="B553" t="s">
        <v>2908</v>
      </c>
    </row>
    <row r="554" spans="1:2" x14ac:dyDescent="0.4">
      <c r="A554" t="s">
        <v>2909</v>
      </c>
      <c r="B554" t="s">
        <v>2910</v>
      </c>
    </row>
    <row r="555" spans="1:2" x14ac:dyDescent="0.4">
      <c r="A555" t="s">
        <v>2911</v>
      </c>
      <c r="B555" t="s">
        <v>2912</v>
      </c>
    </row>
    <row r="556" spans="1:2" x14ac:dyDescent="0.4">
      <c r="A556" t="s">
        <v>2913</v>
      </c>
      <c r="B556" t="s">
        <v>2914</v>
      </c>
    </row>
    <row r="557" spans="1:2" x14ac:dyDescent="0.4">
      <c r="A557" t="s">
        <v>2915</v>
      </c>
      <c r="B557" t="s">
        <v>2916</v>
      </c>
    </row>
    <row r="558" spans="1:2" x14ac:dyDescent="0.4">
      <c r="A558" t="s">
        <v>2917</v>
      </c>
      <c r="B558" t="s">
        <v>2918</v>
      </c>
    </row>
    <row r="559" spans="1:2" x14ac:dyDescent="0.4">
      <c r="A559" t="s">
        <v>2919</v>
      </c>
      <c r="B559" t="s">
        <v>2920</v>
      </c>
    </row>
    <row r="560" spans="1:2" x14ac:dyDescent="0.4">
      <c r="A560" t="s">
        <v>2921</v>
      </c>
      <c r="B560" t="s">
        <v>2922</v>
      </c>
    </row>
    <row r="561" spans="1:2" x14ac:dyDescent="0.4">
      <c r="A561" t="s">
        <v>2923</v>
      </c>
      <c r="B561" t="s">
        <v>2924</v>
      </c>
    </row>
    <row r="562" spans="1:2" x14ac:dyDescent="0.4">
      <c r="A562" t="s">
        <v>2925</v>
      </c>
      <c r="B562" t="s">
        <v>2926</v>
      </c>
    </row>
    <row r="563" spans="1:2" x14ac:dyDescent="0.4">
      <c r="A563" t="s">
        <v>2927</v>
      </c>
      <c r="B563" t="s">
        <v>2928</v>
      </c>
    </row>
    <row r="564" spans="1:2" x14ac:dyDescent="0.4">
      <c r="A564" t="s">
        <v>2929</v>
      </c>
      <c r="B564" t="s">
        <v>2930</v>
      </c>
    </row>
    <row r="565" spans="1:2" x14ac:dyDescent="0.4">
      <c r="A565" t="s">
        <v>2931</v>
      </c>
      <c r="B565" t="s">
        <v>2932</v>
      </c>
    </row>
    <row r="566" spans="1:2" x14ac:dyDescent="0.4">
      <c r="A566" t="s">
        <v>2933</v>
      </c>
      <c r="B566" t="s">
        <v>2934</v>
      </c>
    </row>
    <row r="567" spans="1:2" x14ac:dyDescent="0.4">
      <c r="A567" t="s">
        <v>2935</v>
      </c>
      <c r="B567" t="s">
        <v>2936</v>
      </c>
    </row>
    <row r="568" spans="1:2" x14ac:dyDescent="0.4">
      <c r="A568" t="s">
        <v>2937</v>
      </c>
      <c r="B568" t="s">
        <v>2938</v>
      </c>
    </row>
    <row r="569" spans="1:2" x14ac:dyDescent="0.4">
      <c r="A569" t="s">
        <v>2939</v>
      </c>
      <c r="B569" t="s">
        <v>2940</v>
      </c>
    </row>
    <row r="570" spans="1:2" x14ac:dyDescent="0.4">
      <c r="A570" t="s">
        <v>2941</v>
      </c>
      <c r="B570" t="s">
        <v>2942</v>
      </c>
    </row>
    <row r="571" spans="1:2" x14ac:dyDescent="0.4">
      <c r="A571" t="s">
        <v>2943</v>
      </c>
      <c r="B571" t="s">
        <v>2944</v>
      </c>
    </row>
    <row r="572" spans="1:2" x14ac:dyDescent="0.4">
      <c r="A572" t="s">
        <v>2945</v>
      </c>
      <c r="B572" t="s">
        <v>2946</v>
      </c>
    </row>
    <row r="573" spans="1:2" x14ac:dyDescent="0.4">
      <c r="A573" t="s">
        <v>2947</v>
      </c>
      <c r="B573" t="s">
        <v>2948</v>
      </c>
    </row>
    <row r="574" spans="1:2" x14ac:dyDescent="0.4">
      <c r="A574" t="s">
        <v>2949</v>
      </c>
      <c r="B574" t="s">
        <v>2950</v>
      </c>
    </row>
    <row r="575" spans="1:2" x14ac:dyDescent="0.4">
      <c r="A575" t="s">
        <v>2951</v>
      </c>
      <c r="B575" t="s">
        <v>2952</v>
      </c>
    </row>
    <row r="576" spans="1:2" x14ac:dyDescent="0.4">
      <c r="A576" t="s">
        <v>2953</v>
      </c>
      <c r="B576" t="s">
        <v>2954</v>
      </c>
    </row>
    <row r="577" spans="1:2" x14ac:dyDescent="0.4">
      <c r="A577" t="s">
        <v>2955</v>
      </c>
      <c r="B577" t="s">
        <v>2956</v>
      </c>
    </row>
    <row r="578" spans="1:2" x14ac:dyDescent="0.4">
      <c r="A578" t="s">
        <v>2957</v>
      </c>
      <c r="B578" t="s">
        <v>2958</v>
      </c>
    </row>
    <row r="579" spans="1:2" x14ac:dyDescent="0.4">
      <c r="A579" t="s">
        <v>2959</v>
      </c>
      <c r="B579" t="s">
        <v>2960</v>
      </c>
    </row>
    <row r="580" spans="1:2" x14ac:dyDescent="0.4">
      <c r="A580" t="s">
        <v>2961</v>
      </c>
      <c r="B580" t="s">
        <v>2962</v>
      </c>
    </row>
    <row r="581" spans="1:2" x14ac:dyDescent="0.4">
      <c r="A581" t="s">
        <v>2963</v>
      </c>
      <c r="B581" t="s">
        <v>2964</v>
      </c>
    </row>
    <row r="582" spans="1:2" x14ac:dyDescent="0.4">
      <c r="A582" t="s">
        <v>2965</v>
      </c>
      <c r="B582" t="s">
        <v>2966</v>
      </c>
    </row>
    <row r="583" spans="1:2" x14ac:dyDescent="0.4">
      <c r="A583" t="s">
        <v>2967</v>
      </c>
      <c r="B583" t="s">
        <v>2968</v>
      </c>
    </row>
    <row r="584" spans="1:2" x14ac:dyDescent="0.4">
      <c r="A584" t="s">
        <v>2969</v>
      </c>
      <c r="B584" t="s">
        <v>2970</v>
      </c>
    </row>
    <row r="585" spans="1:2" x14ac:dyDescent="0.4">
      <c r="A585" t="s">
        <v>2971</v>
      </c>
      <c r="B585" t="s">
        <v>2972</v>
      </c>
    </row>
    <row r="586" spans="1:2" x14ac:dyDescent="0.4">
      <c r="A586" t="s">
        <v>2973</v>
      </c>
      <c r="B586" t="s">
        <v>2974</v>
      </c>
    </row>
    <row r="587" spans="1:2" x14ac:dyDescent="0.4">
      <c r="A587" t="s">
        <v>2975</v>
      </c>
      <c r="B587" t="s">
        <v>2976</v>
      </c>
    </row>
    <row r="588" spans="1:2" x14ac:dyDescent="0.4">
      <c r="A588" t="s">
        <v>2977</v>
      </c>
      <c r="B588" t="s">
        <v>2978</v>
      </c>
    </row>
    <row r="589" spans="1:2" x14ac:dyDescent="0.4">
      <c r="A589" t="s">
        <v>2979</v>
      </c>
      <c r="B589" t="s">
        <v>2980</v>
      </c>
    </row>
    <row r="590" spans="1:2" x14ac:dyDescent="0.4">
      <c r="A590" t="s">
        <v>2981</v>
      </c>
      <c r="B590" t="s">
        <v>2982</v>
      </c>
    </row>
    <row r="591" spans="1:2" x14ac:dyDescent="0.4">
      <c r="A591" t="s">
        <v>2983</v>
      </c>
      <c r="B591" t="s">
        <v>2984</v>
      </c>
    </row>
    <row r="592" spans="1:2" x14ac:dyDescent="0.4">
      <c r="A592" t="s">
        <v>2985</v>
      </c>
      <c r="B592" t="s">
        <v>2986</v>
      </c>
    </row>
    <row r="593" spans="1:2" x14ac:dyDescent="0.4">
      <c r="A593" t="s">
        <v>2987</v>
      </c>
      <c r="B593" t="s">
        <v>2988</v>
      </c>
    </row>
    <row r="594" spans="1:2" x14ac:dyDescent="0.4">
      <c r="A594" t="s">
        <v>2989</v>
      </c>
      <c r="B594" t="s">
        <v>2990</v>
      </c>
    </row>
    <row r="595" spans="1:2" x14ac:dyDescent="0.4">
      <c r="A595" t="s">
        <v>2991</v>
      </c>
      <c r="B595" t="s">
        <v>2992</v>
      </c>
    </row>
    <row r="596" spans="1:2" x14ac:dyDescent="0.4">
      <c r="A596" t="s">
        <v>2993</v>
      </c>
      <c r="B596" t="s">
        <v>2994</v>
      </c>
    </row>
    <row r="597" spans="1:2" x14ac:dyDescent="0.4">
      <c r="A597" t="s">
        <v>2995</v>
      </c>
      <c r="B597" t="s">
        <v>2996</v>
      </c>
    </row>
    <row r="598" spans="1:2" x14ac:dyDescent="0.4">
      <c r="A598" t="s">
        <v>2997</v>
      </c>
      <c r="B598" t="s">
        <v>2998</v>
      </c>
    </row>
    <row r="599" spans="1:2" x14ac:dyDescent="0.4">
      <c r="A599" t="s">
        <v>2999</v>
      </c>
      <c r="B599" t="s">
        <v>3000</v>
      </c>
    </row>
    <row r="600" spans="1:2" x14ac:dyDescent="0.4">
      <c r="A600" t="s">
        <v>3001</v>
      </c>
      <c r="B600" t="s">
        <v>3002</v>
      </c>
    </row>
    <row r="601" spans="1:2" x14ac:dyDescent="0.4">
      <c r="A601" t="s">
        <v>3003</v>
      </c>
      <c r="B601" t="s">
        <v>3004</v>
      </c>
    </row>
    <row r="602" spans="1:2" x14ac:dyDescent="0.4">
      <c r="A602" t="s">
        <v>3005</v>
      </c>
      <c r="B602" t="s">
        <v>3006</v>
      </c>
    </row>
    <row r="603" spans="1:2" x14ac:dyDescent="0.4">
      <c r="A603" t="s">
        <v>3007</v>
      </c>
      <c r="B603" t="s">
        <v>3008</v>
      </c>
    </row>
    <row r="604" spans="1:2" x14ac:dyDescent="0.4">
      <c r="A604" t="s">
        <v>3009</v>
      </c>
      <c r="B604" t="s">
        <v>3010</v>
      </c>
    </row>
    <row r="605" spans="1:2" x14ac:dyDescent="0.4">
      <c r="A605" t="s">
        <v>3011</v>
      </c>
      <c r="B605" t="s">
        <v>3012</v>
      </c>
    </row>
    <row r="606" spans="1:2" x14ac:dyDescent="0.4">
      <c r="A606" t="s">
        <v>3013</v>
      </c>
      <c r="B606" t="s">
        <v>3014</v>
      </c>
    </row>
    <row r="607" spans="1:2" x14ac:dyDescent="0.4">
      <c r="A607" t="s">
        <v>3015</v>
      </c>
      <c r="B607" t="s">
        <v>3016</v>
      </c>
    </row>
    <row r="608" spans="1:2" x14ac:dyDescent="0.4">
      <c r="A608" t="s">
        <v>3017</v>
      </c>
      <c r="B608" t="s">
        <v>3018</v>
      </c>
    </row>
    <row r="609" spans="1:2" x14ac:dyDescent="0.4">
      <c r="A609" t="s">
        <v>3019</v>
      </c>
      <c r="B609" t="s">
        <v>3020</v>
      </c>
    </row>
    <row r="610" spans="1:2" x14ac:dyDescent="0.4">
      <c r="A610" t="s">
        <v>3021</v>
      </c>
      <c r="B610" t="s">
        <v>3022</v>
      </c>
    </row>
    <row r="611" spans="1:2" x14ac:dyDescent="0.4">
      <c r="A611" t="s">
        <v>3023</v>
      </c>
      <c r="B611" t="s">
        <v>3024</v>
      </c>
    </row>
    <row r="612" spans="1:2" x14ac:dyDescent="0.4">
      <c r="A612" t="s">
        <v>3025</v>
      </c>
      <c r="B612" t="s">
        <v>3026</v>
      </c>
    </row>
    <row r="613" spans="1:2" x14ac:dyDescent="0.4">
      <c r="A613" t="s">
        <v>3027</v>
      </c>
      <c r="B613" t="s">
        <v>3028</v>
      </c>
    </row>
    <row r="614" spans="1:2" x14ac:dyDescent="0.4">
      <c r="A614" t="s">
        <v>3029</v>
      </c>
      <c r="B614" t="s">
        <v>3030</v>
      </c>
    </row>
    <row r="615" spans="1:2" x14ac:dyDescent="0.4">
      <c r="A615" t="s">
        <v>3031</v>
      </c>
      <c r="B615" t="s">
        <v>3032</v>
      </c>
    </row>
    <row r="616" spans="1:2" x14ac:dyDescent="0.4">
      <c r="A616" t="s">
        <v>3033</v>
      </c>
      <c r="B616" t="s">
        <v>3034</v>
      </c>
    </row>
    <row r="617" spans="1:2" x14ac:dyDescent="0.4">
      <c r="A617" t="s">
        <v>3035</v>
      </c>
      <c r="B617" t="s">
        <v>3036</v>
      </c>
    </row>
    <row r="618" spans="1:2" x14ac:dyDescent="0.4">
      <c r="A618" t="s">
        <v>3037</v>
      </c>
      <c r="B618" t="s">
        <v>3038</v>
      </c>
    </row>
    <row r="619" spans="1:2" x14ac:dyDescent="0.4">
      <c r="A619" t="s">
        <v>3039</v>
      </c>
      <c r="B619" t="s">
        <v>3040</v>
      </c>
    </row>
    <row r="620" spans="1:2" x14ac:dyDescent="0.4">
      <c r="A620" t="s">
        <v>3041</v>
      </c>
      <c r="B620" t="s">
        <v>3042</v>
      </c>
    </row>
    <row r="621" spans="1:2" x14ac:dyDescent="0.4">
      <c r="A621" t="s">
        <v>3043</v>
      </c>
      <c r="B621" t="s">
        <v>3044</v>
      </c>
    </row>
    <row r="622" spans="1:2" x14ac:dyDescent="0.4">
      <c r="A622" t="s">
        <v>3045</v>
      </c>
      <c r="B622" t="s">
        <v>3046</v>
      </c>
    </row>
    <row r="623" spans="1:2" x14ac:dyDescent="0.4">
      <c r="A623" t="s">
        <v>3047</v>
      </c>
      <c r="B623" t="s">
        <v>3048</v>
      </c>
    </row>
    <row r="624" spans="1:2" x14ac:dyDescent="0.4">
      <c r="A624" t="s">
        <v>3049</v>
      </c>
      <c r="B624" t="s">
        <v>3050</v>
      </c>
    </row>
    <row r="625" spans="1:2" x14ac:dyDescent="0.4">
      <c r="A625" t="s">
        <v>3051</v>
      </c>
      <c r="B625" t="s">
        <v>3052</v>
      </c>
    </row>
    <row r="626" spans="1:2" x14ac:dyDescent="0.4">
      <c r="A626" t="s">
        <v>3053</v>
      </c>
      <c r="B626" t="s">
        <v>3054</v>
      </c>
    </row>
    <row r="627" spans="1:2" x14ac:dyDescent="0.4">
      <c r="A627" t="s">
        <v>3055</v>
      </c>
      <c r="B627" t="s">
        <v>3056</v>
      </c>
    </row>
    <row r="628" spans="1:2" x14ac:dyDescent="0.4">
      <c r="A628" t="s">
        <v>3057</v>
      </c>
      <c r="B628" t="s">
        <v>3058</v>
      </c>
    </row>
    <row r="629" spans="1:2" x14ac:dyDescent="0.4">
      <c r="A629" t="s">
        <v>3059</v>
      </c>
      <c r="B629" t="s">
        <v>3060</v>
      </c>
    </row>
    <row r="630" spans="1:2" x14ac:dyDescent="0.4">
      <c r="A630" t="s">
        <v>3061</v>
      </c>
      <c r="B630" t="s">
        <v>3062</v>
      </c>
    </row>
    <row r="631" spans="1:2" x14ac:dyDescent="0.4">
      <c r="A631" t="s">
        <v>3063</v>
      </c>
      <c r="B631" t="s">
        <v>3064</v>
      </c>
    </row>
    <row r="632" spans="1:2" x14ac:dyDescent="0.4">
      <c r="A632" t="s">
        <v>3065</v>
      </c>
      <c r="B632" t="s">
        <v>3066</v>
      </c>
    </row>
    <row r="633" spans="1:2" x14ac:dyDescent="0.4">
      <c r="A633" t="s">
        <v>3067</v>
      </c>
      <c r="B633" t="s">
        <v>3068</v>
      </c>
    </row>
    <row r="634" spans="1:2" x14ac:dyDescent="0.4">
      <c r="A634" t="s">
        <v>3069</v>
      </c>
      <c r="B634" t="s">
        <v>3070</v>
      </c>
    </row>
    <row r="635" spans="1:2" x14ac:dyDescent="0.4">
      <c r="A635" t="s">
        <v>3071</v>
      </c>
      <c r="B635" t="s">
        <v>3072</v>
      </c>
    </row>
    <row r="636" spans="1:2" x14ac:dyDescent="0.4">
      <c r="A636" t="s">
        <v>3073</v>
      </c>
      <c r="B636" t="s">
        <v>3074</v>
      </c>
    </row>
    <row r="637" spans="1:2" x14ac:dyDescent="0.4">
      <c r="A637" t="s">
        <v>3075</v>
      </c>
      <c r="B637" t="s">
        <v>3076</v>
      </c>
    </row>
    <row r="638" spans="1:2" x14ac:dyDescent="0.4">
      <c r="A638" t="s">
        <v>3077</v>
      </c>
      <c r="B638" t="s">
        <v>3078</v>
      </c>
    </row>
    <row r="639" spans="1:2" x14ac:dyDescent="0.4">
      <c r="A639" t="s">
        <v>3079</v>
      </c>
      <c r="B639" t="s">
        <v>3080</v>
      </c>
    </row>
    <row r="640" spans="1:2" x14ac:dyDescent="0.4">
      <c r="A640" t="s">
        <v>3081</v>
      </c>
      <c r="B640" t="s">
        <v>3082</v>
      </c>
    </row>
    <row r="641" spans="1:2" x14ac:dyDescent="0.4">
      <c r="A641" t="s">
        <v>3083</v>
      </c>
      <c r="B641" t="s">
        <v>3084</v>
      </c>
    </row>
    <row r="642" spans="1:2" x14ac:dyDescent="0.4">
      <c r="A642" t="s">
        <v>3085</v>
      </c>
      <c r="B642" t="s">
        <v>3086</v>
      </c>
    </row>
    <row r="643" spans="1:2" x14ac:dyDescent="0.4">
      <c r="A643" t="s">
        <v>3087</v>
      </c>
      <c r="B643" t="s">
        <v>3088</v>
      </c>
    </row>
    <row r="644" spans="1:2" x14ac:dyDescent="0.4">
      <c r="A644" t="s">
        <v>3089</v>
      </c>
      <c r="B644" t="s">
        <v>3090</v>
      </c>
    </row>
    <row r="645" spans="1:2" x14ac:dyDescent="0.4">
      <c r="A645" t="s">
        <v>3091</v>
      </c>
      <c r="B645" t="s">
        <v>3092</v>
      </c>
    </row>
    <row r="646" spans="1:2" x14ac:dyDescent="0.4">
      <c r="A646" t="s">
        <v>3093</v>
      </c>
      <c r="B646" t="s">
        <v>3094</v>
      </c>
    </row>
    <row r="647" spans="1:2" x14ac:dyDescent="0.4">
      <c r="A647" t="s">
        <v>3095</v>
      </c>
      <c r="B647" t="s">
        <v>3096</v>
      </c>
    </row>
    <row r="648" spans="1:2" x14ac:dyDescent="0.4">
      <c r="A648" t="s">
        <v>3097</v>
      </c>
      <c r="B648" t="s">
        <v>3098</v>
      </c>
    </row>
    <row r="649" spans="1:2" x14ac:dyDescent="0.4">
      <c r="A649" t="s">
        <v>3099</v>
      </c>
      <c r="B649" t="s">
        <v>3100</v>
      </c>
    </row>
    <row r="650" spans="1:2" x14ac:dyDescent="0.4">
      <c r="A650" t="s">
        <v>3101</v>
      </c>
      <c r="B650" t="s">
        <v>3102</v>
      </c>
    </row>
    <row r="651" spans="1:2" x14ac:dyDescent="0.4">
      <c r="A651" t="s">
        <v>3103</v>
      </c>
      <c r="B651" t="s">
        <v>3104</v>
      </c>
    </row>
    <row r="652" spans="1:2" x14ac:dyDescent="0.4">
      <c r="A652" t="s">
        <v>3105</v>
      </c>
      <c r="B652" t="s">
        <v>3106</v>
      </c>
    </row>
    <row r="653" spans="1:2" x14ac:dyDescent="0.4">
      <c r="A653" t="s">
        <v>3107</v>
      </c>
      <c r="B653" t="s">
        <v>3108</v>
      </c>
    </row>
    <row r="654" spans="1:2" x14ac:dyDescent="0.4">
      <c r="A654" t="s">
        <v>3109</v>
      </c>
      <c r="B654" t="s">
        <v>3110</v>
      </c>
    </row>
    <row r="655" spans="1:2" x14ac:dyDescent="0.4">
      <c r="A655" t="s">
        <v>3111</v>
      </c>
      <c r="B655" t="s">
        <v>3112</v>
      </c>
    </row>
    <row r="656" spans="1:2" x14ac:dyDescent="0.4">
      <c r="A656" t="s">
        <v>3113</v>
      </c>
      <c r="B656" t="s">
        <v>3114</v>
      </c>
    </row>
    <row r="657" spans="1:2" x14ac:dyDescent="0.4">
      <c r="A657" t="s">
        <v>3115</v>
      </c>
      <c r="B657" t="s">
        <v>3116</v>
      </c>
    </row>
    <row r="658" spans="1:2" x14ac:dyDescent="0.4">
      <c r="A658" t="s">
        <v>3117</v>
      </c>
      <c r="B658" t="s">
        <v>3118</v>
      </c>
    </row>
    <row r="659" spans="1:2" x14ac:dyDescent="0.4">
      <c r="A659" t="s">
        <v>3119</v>
      </c>
      <c r="B659" t="s">
        <v>3120</v>
      </c>
    </row>
    <row r="660" spans="1:2" x14ac:dyDescent="0.4">
      <c r="A660" t="s">
        <v>3121</v>
      </c>
      <c r="B660" t="s">
        <v>3122</v>
      </c>
    </row>
    <row r="661" spans="1:2" x14ac:dyDescent="0.4">
      <c r="A661" t="s">
        <v>3123</v>
      </c>
      <c r="B661" t="s">
        <v>3124</v>
      </c>
    </row>
    <row r="662" spans="1:2" x14ac:dyDescent="0.4">
      <c r="A662" t="s">
        <v>3125</v>
      </c>
      <c r="B662" t="s">
        <v>3126</v>
      </c>
    </row>
    <row r="663" spans="1:2" x14ac:dyDescent="0.4">
      <c r="A663" t="s">
        <v>3127</v>
      </c>
      <c r="B663" t="s">
        <v>3128</v>
      </c>
    </row>
    <row r="664" spans="1:2" x14ac:dyDescent="0.4">
      <c r="A664" t="s">
        <v>3129</v>
      </c>
      <c r="B664" t="s">
        <v>3130</v>
      </c>
    </row>
    <row r="665" spans="1:2" x14ac:dyDescent="0.4">
      <c r="A665" t="s">
        <v>3131</v>
      </c>
      <c r="B665" t="s">
        <v>3132</v>
      </c>
    </row>
    <row r="666" spans="1:2" x14ac:dyDescent="0.4">
      <c r="A666" t="s">
        <v>3133</v>
      </c>
      <c r="B666" t="s">
        <v>3134</v>
      </c>
    </row>
    <row r="667" spans="1:2" x14ac:dyDescent="0.4">
      <c r="A667" t="s">
        <v>3135</v>
      </c>
      <c r="B667" t="s">
        <v>3136</v>
      </c>
    </row>
    <row r="668" spans="1:2" x14ac:dyDescent="0.4">
      <c r="A668" t="s">
        <v>3137</v>
      </c>
      <c r="B668" t="s">
        <v>3138</v>
      </c>
    </row>
    <row r="669" spans="1:2" x14ac:dyDescent="0.4">
      <c r="A669" t="s">
        <v>3139</v>
      </c>
      <c r="B669" t="s">
        <v>3140</v>
      </c>
    </row>
    <row r="670" spans="1:2" x14ac:dyDescent="0.4">
      <c r="A670" t="s">
        <v>3141</v>
      </c>
      <c r="B670" t="s">
        <v>3142</v>
      </c>
    </row>
    <row r="671" spans="1:2" x14ac:dyDescent="0.4">
      <c r="A671" t="s">
        <v>3143</v>
      </c>
      <c r="B671" t="s">
        <v>3144</v>
      </c>
    </row>
    <row r="672" spans="1:2" x14ac:dyDescent="0.4">
      <c r="A672" t="s">
        <v>3145</v>
      </c>
      <c r="B672" t="s">
        <v>3146</v>
      </c>
    </row>
    <row r="673" spans="1:2" x14ac:dyDescent="0.4">
      <c r="A673" t="s">
        <v>3147</v>
      </c>
      <c r="B673" t="s">
        <v>3148</v>
      </c>
    </row>
    <row r="674" spans="1:2" x14ac:dyDescent="0.4">
      <c r="A674" t="s">
        <v>3149</v>
      </c>
      <c r="B674" t="s">
        <v>3150</v>
      </c>
    </row>
    <row r="675" spans="1:2" x14ac:dyDescent="0.4">
      <c r="A675" t="s">
        <v>3151</v>
      </c>
      <c r="B675" t="s">
        <v>3152</v>
      </c>
    </row>
    <row r="676" spans="1:2" x14ac:dyDescent="0.4">
      <c r="A676" t="s">
        <v>3153</v>
      </c>
      <c r="B676" t="s">
        <v>3154</v>
      </c>
    </row>
    <row r="677" spans="1:2" x14ac:dyDescent="0.4">
      <c r="A677" t="s">
        <v>3155</v>
      </c>
      <c r="B677" t="s">
        <v>3156</v>
      </c>
    </row>
    <row r="678" spans="1:2" x14ac:dyDescent="0.4">
      <c r="A678" t="s">
        <v>3157</v>
      </c>
      <c r="B678" t="s">
        <v>3158</v>
      </c>
    </row>
    <row r="679" spans="1:2" x14ac:dyDescent="0.4">
      <c r="A679" t="s">
        <v>3159</v>
      </c>
      <c r="B679" t="s">
        <v>3160</v>
      </c>
    </row>
    <row r="680" spans="1:2" x14ac:dyDescent="0.4">
      <c r="A680" t="s">
        <v>3161</v>
      </c>
      <c r="B680" t="s">
        <v>3162</v>
      </c>
    </row>
    <row r="681" spans="1:2" x14ac:dyDescent="0.4">
      <c r="A681" t="s">
        <v>3163</v>
      </c>
      <c r="B681" t="s">
        <v>3164</v>
      </c>
    </row>
    <row r="682" spans="1:2" x14ac:dyDescent="0.4">
      <c r="A682" t="s">
        <v>3165</v>
      </c>
      <c r="B682" t="s">
        <v>3166</v>
      </c>
    </row>
    <row r="683" spans="1:2" x14ac:dyDescent="0.4">
      <c r="A683" t="s">
        <v>3167</v>
      </c>
      <c r="B683" t="s">
        <v>3168</v>
      </c>
    </row>
    <row r="684" spans="1:2" x14ac:dyDescent="0.4">
      <c r="A684" t="s">
        <v>3169</v>
      </c>
      <c r="B684" t="s">
        <v>3170</v>
      </c>
    </row>
    <row r="685" spans="1:2" x14ac:dyDescent="0.4">
      <c r="A685" t="s">
        <v>3171</v>
      </c>
      <c r="B685" t="s">
        <v>3172</v>
      </c>
    </row>
    <row r="686" spans="1:2" x14ac:dyDescent="0.4">
      <c r="A686" t="s">
        <v>3173</v>
      </c>
      <c r="B686" t="s">
        <v>3174</v>
      </c>
    </row>
    <row r="687" spans="1:2" x14ac:dyDescent="0.4">
      <c r="A687" t="s">
        <v>3175</v>
      </c>
      <c r="B687" t="s">
        <v>3176</v>
      </c>
    </row>
    <row r="688" spans="1:2" x14ac:dyDescent="0.4">
      <c r="A688" t="s">
        <v>3177</v>
      </c>
      <c r="B688" t="s">
        <v>3178</v>
      </c>
    </row>
    <row r="689" spans="1:2" x14ac:dyDescent="0.4">
      <c r="A689" t="s">
        <v>3179</v>
      </c>
      <c r="B689" t="s">
        <v>3180</v>
      </c>
    </row>
    <row r="690" spans="1:2" x14ac:dyDescent="0.4">
      <c r="A690" t="s">
        <v>3181</v>
      </c>
      <c r="B690" t="s">
        <v>3182</v>
      </c>
    </row>
    <row r="691" spans="1:2" x14ac:dyDescent="0.4">
      <c r="A691" t="s">
        <v>3183</v>
      </c>
      <c r="B691" t="s">
        <v>3184</v>
      </c>
    </row>
    <row r="692" spans="1:2" x14ac:dyDescent="0.4">
      <c r="A692" t="s">
        <v>3185</v>
      </c>
      <c r="B692" t="s">
        <v>3186</v>
      </c>
    </row>
    <row r="693" spans="1:2" x14ac:dyDescent="0.4">
      <c r="A693" t="s">
        <v>3187</v>
      </c>
      <c r="B693" t="s">
        <v>3188</v>
      </c>
    </row>
    <row r="694" spans="1:2" x14ac:dyDescent="0.4">
      <c r="A694" t="s">
        <v>3189</v>
      </c>
      <c r="B694" t="s">
        <v>3190</v>
      </c>
    </row>
    <row r="695" spans="1:2" x14ac:dyDescent="0.4">
      <c r="A695" t="s">
        <v>3191</v>
      </c>
      <c r="B695" t="s">
        <v>3192</v>
      </c>
    </row>
    <row r="696" spans="1:2" x14ac:dyDescent="0.4">
      <c r="A696" t="s">
        <v>3193</v>
      </c>
      <c r="B696" t="s">
        <v>3194</v>
      </c>
    </row>
    <row r="697" spans="1:2" x14ac:dyDescent="0.4">
      <c r="A697" t="s">
        <v>3195</v>
      </c>
      <c r="B697" t="s">
        <v>3196</v>
      </c>
    </row>
    <row r="698" spans="1:2" x14ac:dyDescent="0.4">
      <c r="A698" t="s">
        <v>3197</v>
      </c>
      <c r="B698" t="s">
        <v>3198</v>
      </c>
    </row>
    <row r="699" spans="1:2" x14ac:dyDescent="0.4">
      <c r="A699" t="s">
        <v>3199</v>
      </c>
      <c r="B699" t="s">
        <v>3200</v>
      </c>
    </row>
    <row r="700" spans="1:2" x14ac:dyDescent="0.4">
      <c r="A700" t="s">
        <v>3201</v>
      </c>
      <c r="B700" t="s">
        <v>3202</v>
      </c>
    </row>
    <row r="701" spans="1:2" x14ac:dyDescent="0.4">
      <c r="A701" t="s">
        <v>3203</v>
      </c>
      <c r="B701" t="s">
        <v>3204</v>
      </c>
    </row>
    <row r="702" spans="1:2" x14ac:dyDescent="0.4">
      <c r="A702" t="s">
        <v>3205</v>
      </c>
      <c r="B702" t="s">
        <v>3206</v>
      </c>
    </row>
    <row r="703" spans="1:2" x14ac:dyDescent="0.4">
      <c r="A703" t="s">
        <v>3207</v>
      </c>
      <c r="B703" t="s">
        <v>3208</v>
      </c>
    </row>
    <row r="704" spans="1:2" x14ac:dyDescent="0.4">
      <c r="A704" t="s">
        <v>3209</v>
      </c>
      <c r="B704" t="s">
        <v>3210</v>
      </c>
    </row>
    <row r="705" spans="1:2" x14ac:dyDescent="0.4">
      <c r="A705" t="s">
        <v>3211</v>
      </c>
      <c r="B705" t="s">
        <v>3212</v>
      </c>
    </row>
    <row r="706" spans="1:2" x14ac:dyDescent="0.4">
      <c r="A706" t="s">
        <v>3213</v>
      </c>
      <c r="B706" t="s">
        <v>3214</v>
      </c>
    </row>
    <row r="707" spans="1:2" x14ac:dyDescent="0.4">
      <c r="A707" t="s">
        <v>3215</v>
      </c>
      <c r="B707" t="s">
        <v>3216</v>
      </c>
    </row>
    <row r="708" spans="1:2" x14ac:dyDescent="0.4">
      <c r="A708" t="s">
        <v>3217</v>
      </c>
      <c r="B708" t="s">
        <v>3218</v>
      </c>
    </row>
    <row r="709" spans="1:2" x14ac:dyDescent="0.4">
      <c r="A709" t="s">
        <v>3219</v>
      </c>
      <c r="B709" t="s">
        <v>3220</v>
      </c>
    </row>
    <row r="710" spans="1:2" x14ac:dyDescent="0.4">
      <c r="A710" t="s">
        <v>3221</v>
      </c>
      <c r="B710" t="s">
        <v>3222</v>
      </c>
    </row>
    <row r="711" spans="1:2" x14ac:dyDescent="0.4">
      <c r="A711" t="s">
        <v>3223</v>
      </c>
      <c r="B711" t="s">
        <v>3224</v>
      </c>
    </row>
    <row r="712" spans="1:2" x14ac:dyDescent="0.4">
      <c r="A712" t="s">
        <v>3225</v>
      </c>
      <c r="B712" t="s">
        <v>3226</v>
      </c>
    </row>
    <row r="713" spans="1:2" x14ac:dyDescent="0.4">
      <c r="A713" t="s">
        <v>3227</v>
      </c>
      <c r="B713" t="s">
        <v>3228</v>
      </c>
    </row>
    <row r="714" spans="1:2" x14ac:dyDescent="0.4">
      <c r="A714" t="s">
        <v>3229</v>
      </c>
      <c r="B714" t="s">
        <v>3230</v>
      </c>
    </row>
    <row r="715" spans="1:2" x14ac:dyDescent="0.4">
      <c r="A715" t="s">
        <v>3231</v>
      </c>
      <c r="B715" t="s">
        <v>3232</v>
      </c>
    </row>
    <row r="716" spans="1:2" x14ac:dyDescent="0.4">
      <c r="A716" t="s">
        <v>3233</v>
      </c>
      <c r="B716" t="s">
        <v>3234</v>
      </c>
    </row>
    <row r="717" spans="1:2" x14ac:dyDescent="0.4">
      <c r="A717" t="s">
        <v>3235</v>
      </c>
      <c r="B717" t="s">
        <v>3236</v>
      </c>
    </row>
    <row r="718" spans="1:2" x14ac:dyDescent="0.4">
      <c r="A718" t="s">
        <v>3237</v>
      </c>
      <c r="B718" t="s">
        <v>3238</v>
      </c>
    </row>
    <row r="719" spans="1:2" x14ac:dyDescent="0.4">
      <c r="A719" t="s">
        <v>3239</v>
      </c>
      <c r="B719" t="s">
        <v>3240</v>
      </c>
    </row>
    <row r="720" spans="1:2" x14ac:dyDescent="0.4">
      <c r="A720" t="s">
        <v>3241</v>
      </c>
      <c r="B720" t="s">
        <v>3242</v>
      </c>
    </row>
    <row r="721" spans="1:2" x14ac:dyDescent="0.4">
      <c r="A721" t="s">
        <v>3243</v>
      </c>
      <c r="B721" t="s">
        <v>3244</v>
      </c>
    </row>
    <row r="722" spans="1:2" x14ac:dyDescent="0.4">
      <c r="A722" t="s">
        <v>3245</v>
      </c>
      <c r="B722" t="s">
        <v>3246</v>
      </c>
    </row>
    <row r="723" spans="1:2" x14ac:dyDescent="0.4">
      <c r="A723" t="s">
        <v>3247</v>
      </c>
      <c r="B723" t="s">
        <v>3248</v>
      </c>
    </row>
    <row r="724" spans="1:2" x14ac:dyDescent="0.4">
      <c r="A724" t="s">
        <v>3249</v>
      </c>
      <c r="B724" t="s">
        <v>3250</v>
      </c>
    </row>
    <row r="725" spans="1:2" x14ac:dyDescent="0.4">
      <c r="A725" t="s">
        <v>3251</v>
      </c>
      <c r="B725" t="s">
        <v>3252</v>
      </c>
    </row>
    <row r="726" spans="1:2" x14ac:dyDescent="0.4">
      <c r="A726" t="s">
        <v>3253</v>
      </c>
      <c r="B726" t="s">
        <v>3254</v>
      </c>
    </row>
    <row r="727" spans="1:2" x14ac:dyDescent="0.4">
      <c r="A727" t="s">
        <v>3255</v>
      </c>
      <c r="B727" t="s">
        <v>3256</v>
      </c>
    </row>
    <row r="728" spans="1:2" x14ac:dyDescent="0.4">
      <c r="A728" t="s">
        <v>3257</v>
      </c>
      <c r="B728" t="s">
        <v>3258</v>
      </c>
    </row>
    <row r="729" spans="1:2" x14ac:dyDescent="0.4">
      <c r="A729" t="s">
        <v>3259</v>
      </c>
      <c r="B729" t="s">
        <v>3260</v>
      </c>
    </row>
    <row r="730" spans="1:2" x14ac:dyDescent="0.4">
      <c r="A730" t="s">
        <v>3261</v>
      </c>
      <c r="B730" t="s">
        <v>3262</v>
      </c>
    </row>
    <row r="731" spans="1:2" x14ac:dyDescent="0.4">
      <c r="A731" t="s">
        <v>3263</v>
      </c>
      <c r="B731" t="s">
        <v>3264</v>
      </c>
    </row>
    <row r="732" spans="1:2" x14ac:dyDescent="0.4">
      <c r="A732" t="s">
        <v>3265</v>
      </c>
      <c r="B732" t="s">
        <v>3266</v>
      </c>
    </row>
    <row r="733" spans="1:2" x14ac:dyDescent="0.4">
      <c r="A733" t="s">
        <v>3267</v>
      </c>
      <c r="B733" t="s">
        <v>3268</v>
      </c>
    </row>
    <row r="734" spans="1:2" x14ac:dyDescent="0.4">
      <c r="A734" t="s">
        <v>3269</v>
      </c>
      <c r="B734" t="s">
        <v>3270</v>
      </c>
    </row>
    <row r="735" spans="1:2" x14ac:dyDescent="0.4">
      <c r="A735" t="s">
        <v>3271</v>
      </c>
      <c r="B735" t="s">
        <v>3272</v>
      </c>
    </row>
    <row r="736" spans="1:2" x14ac:dyDescent="0.4">
      <c r="A736" t="s">
        <v>3273</v>
      </c>
      <c r="B736" t="s">
        <v>3274</v>
      </c>
    </row>
    <row r="737" spans="1:2" x14ac:dyDescent="0.4">
      <c r="A737" t="s">
        <v>3275</v>
      </c>
      <c r="B737" t="s">
        <v>3276</v>
      </c>
    </row>
    <row r="738" spans="1:2" x14ac:dyDescent="0.4">
      <c r="A738" t="s">
        <v>3277</v>
      </c>
      <c r="B738" t="s">
        <v>3278</v>
      </c>
    </row>
    <row r="739" spans="1:2" x14ac:dyDescent="0.4">
      <c r="A739" t="s">
        <v>3279</v>
      </c>
      <c r="B739" t="s">
        <v>3280</v>
      </c>
    </row>
    <row r="740" spans="1:2" x14ac:dyDescent="0.4">
      <c r="A740" t="s">
        <v>3281</v>
      </c>
      <c r="B740" t="s">
        <v>3282</v>
      </c>
    </row>
    <row r="741" spans="1:2" x14ac:dyDescent="0.4">
      <c r="A741" t="s">
        <v>3283</v>
      </c>
      <c r="B741" t="s">
        <v>3284</v>
      </c>
    </row>
    <row r="742" spans="1:2" x14ac:dyDescent="0.4">
      <c r="A742" t="s">
        <v>3285</v>
      </c>
      <c r="B742" t="s">
        <v>3286</v>
      </c>
    </row>
    <row r="743" spans="1:2" x14ac:dyDescent="0.4">
      <c r="A743" t="s">
        <v>3287</v>
      </c>
      <c r="B743" t="s">
        <v>3288</v>
      </c>
    </row>
    <row r="744" spans="1:2" x14ac:dyDescent="0.4">
      <c r="A744" t="s">
        <v>3289</v>
      </c>
      <c r="B744" t="s">
        <v>3290</v>
      </c>
    </row>
    <row r="745" spans="1:2" x14ac:dyDescent="0.4">
      <c r="A745" t="s">
        <v>3291</v>
      </c>
      <c r="B745" t="s">
        <v>3292</v>
      </c>
    </row>
    <row r="746" spans="1:2" x14ac:dyDescent="0.4">
      <c r="A746" t="s">
        <v>3293</v>
      </c>
      <c r="B746" t="s">
        <v>3294</v>
      </c>
    </row>
    <row r="747" spans="1:2" x14ac:dyDescent="0.4">
      <c r="A747" t="s">
        <v>3295</v>
      </c>
      <c r="B747" t="s">
        <v>3296</v>
      </c>
    </row>
    <row r="748" spans="1:2" x14ac:dyDescent="0.4">
      <c r="A748" t="s">
        <v>3297</v>
      </c>
      <c r="B748" t="s">
        <v>3298</v>
      </c>
    </row>
    <row r="749" spans="1:2" x14ac:dyDescent="0.4">
      <c r="A749" t="s">
        <v>3299</v>
      </c>
      <c r="B749" t="s">
        <v>3300</v>
      </c>
    </row>
    <row r="750" spans="1:2" x14ac:dyDescent="0.4">
      <c r="A750" t="s">
        <v>3301</v>
      </c>
      <c r="B750" t="s">
        <v>3302</v>
      </c>
    </row>
    <row r="751" spans="1:2" x14ac:dyDescent="0.4">
      <c r="A751" t="s">
        <v>3303</v>
      </c>
      <c r="B751" t="s">
        <v>3304</v>
      </c>
    </row>
    <row r="752" spans="1:2" x14ac:dyDescent="0.4">
      <c r="A752" t="s">
        <v>3305</v>
      </c>
      <c r="B752" t="s">
        <v>3306</v>
      </c>
    </row>
    <row r="753" spans="1:2" x14ac:dyDescent="0.4">
      <c r="A753" t="s">
        <v>3307</v>
      </c>
      <c r="B753" t="s">
        <v>3308</v>
      </c>
    </row>
    <row r="754" spans="1:2" x14ac:dyDescent="0.4">
      <c r="A754" t="s">
        <v>3309</v>
      </c>
      <c r="B754" t="s">
        <v>3310</v>
      </c>
    </row>
    <row r="755" spans="1:2" x14ac:dyDescent="0.4">
      <c r="A755" t="s">
        <v>3311</v>
      </c>
      <c r="B755" t="s">
        <v>3312</v>
      </c>
    </row>
    <row r="756" spans="1:2" x14ac:dyDescent="0.4">
      <c r="A756" t="s">
        <v>3313</v>
      </c>
      <c r="B756" t="s">
        <v>3314</v>
      </c>
    </row>
    <row r="757" spans="1:2" x14ac:dyDescent="0.4">
      <c r="A757" t="s">
        <v>3315</v>
      </c>
      <c r="B757" t="s">
        <v>3316</v>
      </c>
    </row>
    <row r="758" spans="1:2" x14ac:dyDescent="0.4">
      <c r="A758" t="s">
        <v>3317</v>
      </c>
      <c r="B758" t="s">
        <v>3318</v>
      </c>
    </row>
    <row r="759" spans="1:2" x14ac:dyDescent="0.4">
      <c r="A759" t="s">
        <v>3319</v>
      </c>
      <c r="B759" t="s">
        <v>3320</v>
      </c>
    </row>
    <row r="760" spans="1:2" x14ac:dyDescent="0.4">
      <c r="A760" t="s">
        <v>3321</v>
      </c>
      <c r="B760" t="s">
        <v>3322</v>
      </c>
    </row>
    <row r="761" spans="1:2" x14ac:dyDescent="0.4">
      <c r="A761" t="s">
        <v>3323</v>
      </c>
      <c r="B761" t="s">
        <v>3324</v>
      </c>
    </row>
    <row r="762" spans="1:2" x14ac:dyDescent="0.4">
      <c r="A762" t="s">
        <v>3325</v>
      </c>
      <c r="B762" t="s">
        <v>3326</v>
      </c>
    </row>
    <row r="763" spans="1:2" x14ac:dyDescent="0.4">
      <c r="A763" t="s">
        <v>3327</v>
      </c>
      <c r="B763" t="s">
        <v>3328</v>
      </c>
    </row>
    <row r="764" spans="1:2" x14ac:dyDescent="0.4">
      <c r="A764" t="s">
        <v>3329</v>
      </c>
      <c r="B764" t="s">
        <v>3330</v>
      </c>
    </row>
    <row r="765" spans="1:2" x14ac:dyDescent="0.4">
      <c r="A765" t="s">
        <v>3331</v>
      </c>
      <c r="B765" t="s">
        <v>3332</v>
      </c>
    </row>
    <row r="766" spans="1:2" x14ac:dyDescent="0.4">
      <c r="A766" t="s">
        <v>3333</v>
      </c>
      <c r="B766" t="s">
        <v>3334</v>
      </c>
    </row>
    <row r="767" spans="1:2" x14ac:dyDescent="0.4">
      <c r="A767" t="s">
        <v>3335</v>
      </c>
      <c r="B767" t="s">
        <v>3336</v>
      </c>
    </row>
    <row r="768" spans="1:2" x14ac:dyDescent="0.4">
      <c r="A768" t="s">
        <v>3337</v>
      </c>
      <c r="B768" t="s">
        <v>3338</v>
      </c>
    </row>
    <row r="769" spans="1:2" x14ac:dyDescent="0.4">
      <c r="A769" t="s">
        <v>3339</v>
      </c>
      <c r="B769" t="s">
        <v>3340</v>
      </c>
    </row>
    <row r="770" spans="1:2" x14ac:dyDescent="0.4">
      <c r="A770" t="s">
        <v>3341</v>
      </c>
      <c r="B770" t="s">
        <v>3342</v>
      </c>
    </row>
    <row r="771" spans="1:2" x14ac:dyDescent="0.4">
      <c r="A771" t="s">
        <v>3343</v>
      </c>
      <c r="B771" t="s">
        <v>3344</v>
      </c>
    </row>
    <row r="772" spans="1:2" x14ac:dyDescent="0.4">
      <c r="A772" t="s">
        <v>3345</v>
      </c>
      <c r="B772" t="s">
        <v>3346</v>
      </c>
    </row>
    <row r="773" spans="1:2" x14ac:dyDescent="0.4">
      <c r="A773" t="s">
        <v>3347</v>
      </c>
      <c r="B773" t="s">
        <v>3348</v>
      </c>
    </row>
    <row r="774" spans="1:2" x14ac:dyDescent="0.4">
      <c r="A774" t="s">
        <v>3349</v>
      </c>
      <c r="B774" t="s">
        <v>3350</v>
      </c>
    </row>
    <row r="775" spans="1:2" x14ac:dyDescent="0.4">
      <c r="A775" t="s">
        <v>3351</v>
      </c>
      <c r="B775" t="s">
        <v>3352</v>
      </c>
    </row>
    <row r="776" spans="1:2" x14ac:dyDescent="0.4">
      <c r="A776" t="s">
        <v>3353</v>
      </c>
      <c r="B776" t="s">
        <v>3354</v>
      </c>
    </row>
    <row r="777" spans="1:2" x14ac:dyDescent="0.4">
      <c r="A777" t="s">
        <v>3355</v>
      </c>
      <c r="B777" t="s">
        <v>3356</v>
      </c>
    </row>
    <row r="778" spans="1:2" x14ac:dyDescent="0.4">
      <c r="A778" t="s">
        <v>3357</v>
      </c>
      <c r="B778" t="s">
        <v>3358</v>
      </c>
    </row>
    <row r="779" spans="1:2" x14ac:dyDescent="0.4">
      <c r="A779" t="s">
        <v>3359</v>
      </c>
      <c r="B779" t="s">
        <v>3360</v>
      </c>
    </row>
    <row r="780" spans="1:2" x14ac:dyDescent="0.4">
      <c r="A780" t="s">
        <v>3361</v>
      </c>
      <c r="B780" t="s">
        <v>3362</v>
      </c>
    </row>
    <row r="781" spans="1:2" x14ac:dyDescent="0.4">
      <c r="A781" t="s">
        <v>3363</v>
      </c>
      <c r="B781" t="s">
        <v>3364</v>
      </c>
    </row>
    <row r="782" spans="1:2" x14ac:dyDescent="0.4">
      <c r="A782" t="s">
        <v>3365</v>
      </c>
      <c r="B782" t="s">
        <v>3366</v>
      </c>
    </row>
    <row r="783" spans="1:2" x14ac:dyDescent="0.4">
      <c r="A783" t="s">
        <v>3367</v>
      </c>
      <c r="B783" t="s">
        <v>3368</v>
      </c>
    </row>
    <row r="784" spans="1:2" x14ac:dyDescent="0.4">
      <c r="A784" t="s">
        <v>3369</v>
      </c>
      <c r="B784" t="s">
        <v>3370</v>
      </c>
    </row>
    <row r="785" spans="1:2" x14ac:dyDescent="0.4">
      <c r="A785" t="s">
        <v>3371</v>
      </c>
      <c r="B785" t="s">
        <v>3372</v>
      </c>
    </row>
    <row r="786" spans="1:2" x14ac:dyDescent="0.4">
      <c r="A786" t="s">
        <v>3373</v>
      </c>
      <c r="B786" t="s">
        <v>3374</v>
      </c>
    </row>
    <row r="787" spans="1:2" x14ac:dyDescent="0.4">
      <c r="A787" t="s">
        <v>3375</v>
      </c>
      <c r="B787" t="s">
        <v>3376</v>
      </c>
    </row>
    <row r="788" spans="1:2" x14ac:dyDescent="0.4">
      <c r="A788" t="s">
        <v>3377</v>
      </c>
      <c r="B788" t="s">
        <v>3378</v>
      </c>
    </row>
    <row r="789" spans="1:2" x14ac:dyDescent="0.4">
      <c r="A789" t="s">
        <v>3379</v>
      </c>
      <c r="B789" t="s">
        <v>3380</v>
      </c>
    </row>
    <row r="790" spans="1:2" x14ac:dyDescent="0.4">
      <c r="A790" t="s">
        <v>3381</v>
      </c>
      <c r="B790" t="s">
        <v>3382</v>
      </c>
    </row>
    <row r="791" spans="1:2" x14ac:dyDescent="0.4">
      <c r="A791" t="s">
        <v>3383</v>
      </c>
      <c r="B791" t="s">
        <v>3384</v>
      </c>
    </row>
    <row r="792" spans="1:2" x14ac:dyDescent="0.4">
      <c r="A792" t="s">
        <v>3385</v>
      </c>
      <c r="B792" t="s">
        <v>3386</v>
      </c>
    </row>
    <row r="793" spans="1:2" x14ac:dyDescent="0.4">
      <c r="A793" t="s">
        <v>3387</v>
      </c>
      <c r="B793" t="s">
        <v>3388</v>
      </c>
    </row>
    <row r="794" spans="1:2" x14ac:dyDescent="0.4">
      <c r="A794" t="s">
        <v>3389</v>
      </c>
      <c r="B794" t="s">
        <v>3390</v>
      </c>
    </row>
    <row r="795" spans="1:2" x14ac:dyDescent="0.4">
      <c r="A795" t="s">
        <v>3391</v>
      </c>
      <c r="B795" t="s">
        <v>3392</v>
      </c>
    </row>
    <row r="796" spans="1:2" x14ac:dyDescent="0.4">
      <c r="A796" t="s">
        <v>3393</v>
      </c>
      <c r="B796" t="s">
        <v>3394</v>
      </c>
    </row>
    <row r="797" spans="1:2" x14ac:dyDescent="0.4">
      <c r="A797" t="s">
        <v>3395</v>
      </c>
      <c r="B797" t="s">
        <v>3396</v>
      </c>
    </row>
    <row r="798" spans="1:2" x14ac:dyDescent="0.4">
      <c r="A798" t="s">
        <v>3397</v>
      </c>
      <c r="B798" t="s">
        <v>3398</v>
      </c>
    </row>
    <row r="799" spans="1:2" x14ac:dyDescent="0.4">
      <c r="A799" t="s">
        <v>3399</v>
      </c>
      <c r="B799" t="s">
        <v>3400</v>
      </c>
    </row>
    <row r="800" spans="1:2" x14ac:dyDescent="0.4">
      <c r="A800" t="s">
        <v>3401</v>
      </c>
      <c r="B800" t="s">
        <v>3402</v>
      </c>
    </row>
    <row r="801" spans="1:2" x14ac:dyDescent="0.4">
      <c r="A801" t="s">
        <v>3403</v>
      </c>
      <c r="B801" t="s">
        <v>3404</v>
      </c>
    </row>
    <row r="802" spans="1:2" x14ac:dyDescent="0.4">
      <c r="A802" t="s">
        <v>3405</v>
      </c>
      <c r="B802" t="s">
        <v>3406</v>
      </c>
    </row>
    <row r="803" spans="1:2" x14ac:dyDescent="0.4">
      <c r="A803" t="s">
        <v>3407</v>
      </c>
      <c r="B803" t="s">
        <v>3408</v>
      </c>
    </row>
    <row r="804" spans="1:2" x14ac:dyDescent="0.4">
      <c r="A804" t="s">
        <v>3409</v>
      </c>
      <c r="B804" t="s">
        <v>3410</v>
      </c>
    </row>
    <row r="805" spans="1:2" x14ac:dyDescent="0.4">
      <c r="A805" t="s">
        <v>3411</v>
      </c>
      <c r="B805" t="s">
        <v>3412</v>
      </c>
    </row>
    <row r="806" spans="1:2" x14ac:dyDescent="0.4">
      <c r="A806" t="s">
        <v>3413</v>
      </c>
      <c r="B806" t="s">
        <v>3414</v>
      </c>
    </row>
    <row r="807" spans="1:2" x14ac:dyDescent="0.4">
      <c r="A807" t="s">
        <v>3415</v>
      </c>
      <c r="B807" t="s">
        <v>3416</v>
      </c>
    </row>
    <row r="808" spans="1:2" x14ac:dyDescent="0.4">
      <c r="A808" t="s">
        <v>3417</v>
      </c>
      <c r="B808" t="s">
        <v>3418</v>
      </c>
    </row>
    <row r="809" spans="1:2" x14ac:dyDescent="0.4">
      <c r="A809" t="s">
        <v>3419</v>
      </c>
      <c r="B809" t="s">
        <v>3420</v>
      </c>
    </row>
    <row r="810" spans="1:2" x14ac:dyDescent="0.4">
      <c r="A810" t="s">
        <v>3421</v>
      </c>
      <c r="B810" t="s">
        <v>3422</v>
      </c>
    </row>
    <row r="811" spans="1:2" x14ac:dyDescent="0.4">
      <c r="A811" t="s">
        <v>3423</v>
      </c>
      <c r="B811" t="s">
        <v>3424</v>
      </c>
    </row>
    <row r="812" spans="1:2" x14ac:dyDescent="0.4">
      <c r="A812" t="s">
        <v>3425</v>
      </c>
      <c r="B812" t="s">
        <v>3426</v>
      </c>
    </row>
    <row r="813" spans="1:2" x14ac:dyDescent="0.4">
      <c r="A813" t="s">
        <v>3427</v>
      </c>
      <c r="B813" t="s">
        <v>3428</v>
      </c>
    </row>
    <row r="814" spans="1:2" x14ac:dyDescent="0.4">
      <c r="A814" t="s">
        <v>3429</v>
      </c>
      <c r="B814" t="s">
        <v>3430</v>
      </c>
    </row>
    <row r="815" spans="1:2" x14ac:dyDescent="0.4">
      <c r="A815" t="s">
        <v>3431</v>
      </c>
      <c r="B815" t="s">
        <v>3432</v>
      </c>
    </row>
    <row r="816" spans="1:2" x14ac:dyDescent="0.4">
      <c r="A816" t="s">
        <v>3433</v>
      </c>
      <c r="B816" t="s">
        <v>3434</v>
      </c>
    </row>
    <row r="817" spans="1:2" x14ac:dyDescent="0.4">
      <c r="A817" t="s">
        <v>3435</v>
      </c>
      <c r="B817" t="s">
        <v>3436</v>
      </c>
    </row>
    <row r="818" spans="1:2" x14ac:dyDescent="0.4">
      <c r="A818" t="s">
        <v>3437</v>
      </c>
      <c r="B818" t="s">
        <v>3438</v>
      </c>
    </row>
    <row r="819" spans="1:2" x14ac:dyDescent="0.4">
      <c r="A819" t="s">
        <v>3439</v>
      </c>
      <c r="B819" t="s">
        <v>3440</v>
      </c>
    </row>
    <row r="820" spans="1:2" x14ac:dyDescent="0.4">
      <c r="A820" t="s">
        <v>3441</v>
      </c>
      <c r="B820" t="s">
        <v>3442</v>
      </c>
    </row>
    <row r="821" spans="1:2" x14ac:dyDescent="0.4">
      <c r="A821" t="s">
        <v>3443</v>
      </c>
      <c r="B821" t="s">
        <v>3444</v>
      </c>
    </row>
    <row r="822" spans="1:2" x14ac:dyDescent="0.4">
      <c r="A822" t="s">
        <v>3445</v>
      </c>
      <c r="B822" t="s">
        <v>3446</v>
      </c>
    </row>
    <row r="823" spans="1:2" x14ac:dyDescent="0.4">
      <c r="A823" t="s">
        <v>3447</v>
      </c>
      <c r="B823" t="s">
        <v>3448</v>
      </c>
    </row>
    <row r="824" spans="1:2" x14ac:dyDescent="0.4">
      <c r="A824" t="s">
        <v>3449</v>
      </c>
      <c r="B824" t="s">
        <v>3450</v>
      </c>
    </row>
    <row r="825" spans="1:2" x14ac:dyDescent="0.4">
      <c r="A825" t="s">
        <v>3451</v>
      </c>
      <c r="B825" t="s">
        <v>3452</v>
      </c>
    </row>
    <row r="826" spans="1:2" x14ac:dyDescent="0.4">
      <c r="A826" t="s">
        <v>3453</v>
      </c>
      <c r="B826" t="s">
        <v>3454</v>
      </c>
    </row>
    <row r="827" spans="1:2" x14ac:dyDescent="0.4">
      <c r="A827" t="s">
        <v>3455</v>
      </c>
      <c r="B827" t="s">
        <v>3456</v>
      </c>
    </row>
    <row r="828" spans="1:2" x14ac:dyDescent="0.4">
      <c r="A828" t="s">
        <v>3457</v>
      </c>
      <c r="B828" t="s">
        <v>3458</v>
      </c>
    </row>
    <row r="829" spans="1:2" x14ac:dyDescent="0.4">
      <c r="A829" t="s">
        <v>3459</v>
      </c>
      <c r="B829" t="s">
        <v>3460</v>
      </c>
    </row>
    <row r="830" spans="1:2" x14ac:dyDescent="0.4">
      <c r="A830" t="s">
        <v>3461</v>
      </c>
      <c r="B830" t="s">
        <v>3462</v>
      </c>
    </row>
    <row r="831" spans="1:2" x14ac:dyDescent="0.4">
      <c r="A831" t="s">
        <v>3463</v>
      </c>
      <c r="B831" t="s">
        <v>3464</v>
      </c>
    </row>
    <row r="832" spans="1:2" x14ac:dyDescent="0.4">
      <c r="A832" t="s">
        <v>3465</v>
      </c>
      <c r="B832" t="s">
        <v>3466</v>
      </c>
    </row>
    <row r="833" spans="1:2" x14ac:dyDescent="0.4">
      <c r="A833" t="s">
        <v>3467</v>
      </c>
      <c r="B833" t="s">
        <v>3468</v>
      </c>
    </row>
    <row r="834" spans="1:2" x14ac:dyDescent="0.4">
      <c r="A834" t="s">
        <v>3469</v>
      </c>
      <c r="B834" t="s">
        <v>3470</v>
      </c>
    </row>
    <row r="835" spans="1:2" x14ac:dyDescent="0.4">
      <c r="A835" t="s">
        <v>3471</v>
      </c>
      <c r="B835" t="s">
        <v>3472</v>
      </c>
    </row>
    <row r="836" spans="1:2" x14ac:dyDescent="0.4">
      <c r="A836" t="s">
        <v>3473</v>
      </c>
      <c r="B836" t="s">
        <v>3474</v>
      </c>
    </row>
    <row r="837" spans="1:2" x14ac:dyDescent="0.4">
      <c r="A837" t="s">
        <v>3475</v>
      </c>
      <c r="B837" t="s">
        <v>3476</v>
      </c>
    </row>
    <row r="838" spans="1:2" x14ac:dyDescent="0.4">
      <c r="A838" t="s">
        <v>3477</v>
      </c>
      <c r="B838" t="s">
        <v>3478</v>
      </c>
    </row>
    <row r="839" spans="1:2" x14ac:dyDescent="0.4">
      <c r="A839" t="s">
        <v>3479</v>
      </c>
      <c r="B839" t="s">
        <v>3480</v>
      </c>
    </row>
    <row r="840" spans="1:2" x14ac:dyDescent="0.4">
      <c r="A840" t="s">
        <v>3481</v>
      </c>
      <c r="B840" t="s">
        <v>3482</v>
      </c>
    </row>
    <row r="841" spans="1:2" x14ac:dyDescent="0.4">
      <c r="A841" t="s">
        <v>3483</v>
      </c>
      <c r="B841" t="s">
        <v>3484</v>
      </c>
    </row>
    <row r="842" spans="1:2" x14ac:dyDescent="0.4">
      <c r="A842" t="s">
        <v>3485</v>
      </c>
      <c r="B842" t="s">
        <v>3486</v>
      </c>
    </row>
    <row r="843" spans="1:2" x14ac:dyDescent="0.4">
      <c r="A843" t="s">
        <v>3487</v>
      </c>
      <c r="B843" t="s">
        <v>3488</v>
      </c>
    </row>
    <row r="844" spans="1:2" x14ac:dyDescent="0.4">
      <c r="A844" t="s">
        <v>3489</v>
      </c>
      <c r="B844" t="s">
        <v>3490</v>
      </c>
    </row>
    <row r="845" spans="1:2" x14ac:dyDescent="0.4">
      <c r="A845" t="s">
        <v>3491</v>
      </c>
      <c r="B845" t="s">
        <v>3492</v>
      </c>
    </row>
    <row r="846" spans="1:2" x14ac:dyDescent="0.4">
      <c r="A846" t="s">
        <v>3493</v>
      </c>
      <c r="B846" t="s">
        <v>3494</v>
      </c>
    </row>
    <row r="847" spans="1:2" x14ac:dyDescent="0.4">
      <c r="A847" t="s">
        <v>3495</v>
      </c>
      <c r="B847" t="s">
        <v>3496</v>
      </c>
    </row>
    <row r="848" spans="1:2" x14ac:dyDescent="0.4">
      <c r="A848" t="s">
        <v>3497</v>
      </c>
      <c r="B848" t="s">
        <v>3498</v>
      </c>
    </row>
    <row r="849" spans="1:2" x14ac:dyDescent="0.4">
      <c r="A849" t="s">
        <v>3499</v>
      </c>
      <c r="B849" t="s">
        <v>3500</v>
      </c>
    </row>
    <row r="850" spans="1:2" x14ac:dyDescent="0.4">
      <c r="A850" t="s">
        <v>3501</v>
      </c>
      <c r="B850" t="s">
        <v>3502</v>
      </c>
    </row>
    <row r="851" spans="1:2" x14ac:dyDescent="0.4">
      <c r="A851" t="s">
        <v>3503</v>
      </c>
      <c r="B851" t="s">
        <v>3504</v>
      </c>
    </row>
    <row r="852" spans="1:2" x14ac:dyDescent="0.4">
      <c r="A852" t="s">
        <v>3505</v>
      </c>
      <c r="B852" t="s">
        <v>3506</v>
      </c>
    </row>
    <row r="853" spans="1:2" x14ac:dyDescent="0.4">
      <c r="A853" t="s">
        <v>3507</v>
      </c>
      <c r="B853" t="s">
        <v>3508</v>
      </c>
    </row>
    <row r="854" spans="1:2" x14ac:dyDescent="0.4">
      <c r="A854" t="s">
        <v>3509</v>
      </c>
      <c r="B854" t="s">
        <v>3510</v>
      </c>
    </row>
    <row r="855" spans="1:2" x14ac:dyDescent="0.4">
      <c r="A855" t="s">
        <v>3511</v>
      </c>
      <c r="B855" t="s">
        <v>3512</v>
      </c>
    </row>
    <row r="856" spans="1:2" x14ac:dyDescent="0.4">
      <c r="A856" t="s">
        <v>3513</v>
      </c>
      <c r="B856" t="s">
        <v>3514</v>
      </c>
    </row>
    <row r="857" spans="1:2" x14ac:dyDescent="0.4">
      <c r="A857" t="s">
        <v>3515</v>
      </c>
      <c r="B857" t="s">
        <v>3516</v>
      </c>
    </row>
    <row r="858" spans="1:2" x14ac:dyDescent="0.4">
      <c r="A858" t="s">
        <v>3517</v>
      </c>
      <c r="B858" t="s">
        <v>3518</v>
      </c>
    </row>
    <row r="859" spans="1:2" x14ac:dyDescent="0.4">
      <c r="A859" t="s">
        <v>3519</v>
      </c>
      <c r="B859" t="s">
        <v>3520</v>
      </c>
    </row>
    <row r="860" spans="1:2" x14ac:dyDescent="0.4">
      <c r="A860" t="s">
        <v>3521</v>
      </c>
      <c r="B860" t="s">
        <v>3522</v>
      </c>
    </row>
    <row r="861" spans="1:2" x14ac:dyDescent="0.4">
      <c r="A861" t="s">
        <v>3523</v>
      </c>
      <c r="B861" t="s">
        <v>3524</v>
      </c>
    </row>
    <row r="862" spans="1:2" x14ac:dyDescent="0.4">
      <c r="A862" t="s">
        <v>3525</v>
      </c>
      <c r="B862" t="s">
        <v>3526</v>
      </c>
    </row>
    <row r="863" spans="1:2" x14ac:dyDescent="0.4">
      <c r="A863" t="s">
        <v>3527</v>
      </c>
      <c r="B863" t="s">
        <v>3528</v>
      </c>
    </row>
    <row r="864" spans="1:2" x14ac:dyDescent="0.4">
      <c r="A864" t="s">
        <v>3529</v>
      </c>
      <c r="B864" t="s">
        <v>3530</v>
      </c>
    </row>
    <row r="865" spans="1:2" x14ac:dyDescent="0.4">
      <c r="A865" t="s">
        <v>3531</v>
      </c>
      <c r="B865" t="s">
        <v>3532</v>
      </c>
    </row>
    <row r="866" spans="1:2" x14ac:dyDescent="0.4">
      <c r="A866" t="s">
        <v>3533</v>
      </c>
      <c r="B866" t="s">
        <v>3534</v>
      </c>
    </row>
    <row r="867" spans="1:2" x14ac:dyDescent="0.4">
      <c r="A867" t="s">
        <v>3535</v>
      </c>
      <c r="B867" t="s">
        <v>3536</v>
      </c>
    </row>
    <row r="868" spans="1:2" x14ac:dyDescent="0.4">
      <c r="A868" t="s">
        <v>3537</v>
      </c>
      <c r="B868" t="s">
        <v>3538</v>
      </c>
    </row>
    <row r="869" spans="1:2" x14ac:dyDescent="0.4">
      <c r="A869" t="s">
        <v>3539</v>
      </c>
      <c r="B869" t="s">
        <v>3540</v>
      </c>
    </row>
    <row r="870" spans="1:2" x14ac:dyDescent="0.4">
      <c r="A870" t="s">
        <v>3541</v>
      </c>
      <c r="B870" t="s">
        <v>3542</v>
      </c>
    </row>
    <row r="871" spans="1:2" x14ac:dyDescent="0.4">
      <c r="A871" t="s">
        <v>3543</v>
      </c>
      <c r="B871" t="s">
        <v>3544</v>
      </c>
    </row>
    <row r="872" spans="1:2" x14ac:dyDescent="0.4">
      <c r="A872" t="s">
        <v>3545</v>
      </c>
      <c r="B872" t="s">
        <v>3546</v>
      </c>
    </row>
    <row r="873" spans="1:2" x14ac:dyDescent="0.4">
      <c r="A873" t="s">
        <v>3547</v>
      </c>
      <c r="B873" t="s">
        <v>3548</v>
      </c>
    </row>
    <row r="874" spans="1:2" x14ac:dyDescent="0.4">
      <c r="A874" t="s">
        <v>3549</v>
      </c>
      <c r="B874" t="s">
        <v>3550</v>
      </c>
    </row>
    <row r="875" spans="1:2" x14ac:dyDescent="0.4">
      <c r="A875" t="s">
        <v>3551</v>
      </c>
      <c r="B875" t="s">
        <v>3552</v>
      </c>
    </row>
    <row r="876" spans="1:2" x14ac:dyDescent="0.4">
      <c r="A876" t="s">
        <v>3553</v>
      </c>
      <c r="B876" t="s">
        <v>3554</v>
      </c>
    </row>
    <row r="877" spans="1:2" x14ac:dyDescent="0.4">
      <c r="A877" t="s">
        <v>3555</v>
      </c>
      <c r="B877" t="s">
        <v>3556</v>
      </c>
    </row>
    <row r="878" spans="1:2" x14ac:dyDescent="0.4">
      <c r="A878" t="s">
        <v>3557</v>
      </c>
      <c r="B878" t="s">
        <v>3558</v>
      </c>
    </row>
    <row r="879" spans="1:2" x14ac:dyDescent="0.4">
      <c r="A879" t="s">
        <v>3559</v>
      </c>
      <c r="B879" t="s">
        <v>3560</v>
      </c>
    </row>
    <row r="880" spans="1:2" x14ac:dyDescent="0.4">
      <c r="A880" t="s">
        <v>3561</v>
      </c>
      <c r="B880" t="s">
        <v>3562</v>
      </c>
    </row>
    <row r="881" spans="1:2" x14ac:dyDescent="0.4">
      <c r="A881" t="s">
        <v>3563</v>
      </c>
      <c r="B881" t="s">
        <v>3564</v>
      </c>
    </row>
    <row r="882" spans="1:2" x14ac:dyDescent="0.4">
      <c r="A882" t="s">
        <v>3565</v>
      </c>
      <c r="B882" t="s">
        <v>3566</v>
      </c>
    </row>
    <row r="883" spans="1:2" x14ac:dyDescent="0.4">
      <c r="A883" t="s">
        <v>3567</v>
      </c>
      <c r="B883" t="s">
        <v>3568</v>
      </c>
    </row>
    <row r="884" spans="1:2" x14ac:dyDescent="0.4">
      <c r="A884" t="s">
        <v>3569</v>
      </c>
      <c r="B884" t="s">
        <v>3570</v>
      </c>
    </row>
    <row r="885" spans="1:2" x14ac:dyDescent="0.4">
      <c r="A885" t="s">
        <v>3571</v>
      </c>
      <c r="B885" t="s">
        <v>3572</v>
      </c>
    </row>
    <row r="886" spans="1:2" x14ac:dyDescent="0.4">
      <c r="A886" t="s">
        <v>3573</v>
      </c>
      <c r="B886" t="s">
        <v>3574</v>
      </c>
    </row>
    <row r="887" spans="1:2" x14ac:dyDescent="0.4">
      <c r="A887" t="s">
        <v>3575</v>
      </c>
      <c r="B887" t="s">
        <v>3576</v>
      </c>
    </row>
    <row r="888" spans="1:2" x14ac:dyDescent="0.4">
      <c r="A888" t="s">
        <v>3577</v>
      </c>
      <c r="B888" t="s">
        <v>3578</v>
      </c>
    </row>
    <row r="889" spans="1:2" x14ac:dyDescent="0.4">
      <c r="A889" t="s">
        <v>3579</v>
      </c>
      <c r="B889" t="s">
        <v>3580</v>
      </c>
    </row>
    <row r="890" spans="1:2" x14ac:dyDescent="0.4">
      <c r="A890" t="s">
        <v>3581</v>
      </c>
      <c r="B890" t="s">
        <v>3582</v>
      </c>
    </row>
    <row r="891" spans="1:2" x14ac:dyDescent="0.4">
      <c r="A891" t="s">
        <v>3583</v>
      </c>
      <c r="B891" t="s">
        <v>3584</v>
      </c>
    </row>
    <row r="892" spans="1:2" x14ac:dyDescent="0.4">
      <c r="A892" t="s">
        <v>3585</v>
      </c>
      <c r="B892" t="s">
        <v>3586</v>
      </c>
    </row>
    <row r="893" spans="1:2" x14ac:dyDescent="0.4">
      <c r="A893" t="s">
        <v>3587</v>
      </c>
      <c r="B893" t="s">
        <v>3588</v>
      </c>
    </row>
    <row r="894" spans="1:2" x14ac:dyDescent="0.4">
      <c r="A894" t="s">
        <v>3589</v>
      </c>
      <c r="B894" t="s">
        <v>3590</v>
      </c>
    </row>
    <row r="895" spans="1:2" x14ac:dyDescent="0.4">
      <c r="A895" t="s">
        <v>3591</v>
      </c>
      <c r="B895" t="s">
        <v>3592</v>
      </c>
    </row>
    <row r="896" spans="1:2" x14ac:dyDescent="0.4">
      <c r="A896" t="s">
        <v>3593</v>
      </c>
      <c r="B896" t="s">
        <v>3594</v>
      </c>
    </row>
    <row r="897" spans="1:2" x14ac:dyDescent="0.4">
      <c r="A897" t="s">
        <v>3595</v>
      </c>
      <c r="B897" t="s">
        <v>3596</v>
      </c>
    </row>
    <row r="898" spans="1:2" x14ac:dyDescent="0.4">
      <c r="A898" t="s">
        <v>3597</v>
      </c>
      <c r="B898" t="s">
        <v>3598</v>
      </c>
    </row>
    <row r="899" spans="1:2" x14ac:dyDescent="0.4">
      <c r="A899" t="s">
        <v>3599</v>
      </c>
      <c r="B899" t="s">
        <v>3600</v>
      </c>
    </row>
    <row r="900" spans="1:2" x14ac:dyDescent="0.4">
      <c r="A900" t="s">
        <v>3601</v>
      </c>
      <c r="B900" t="s">
        <v>3602</v>
      </c>
    </row>
    <row r="901" spans="1:2" x14ac:dyDescent="0.4">
      <c r="A901" t="s">
        <v>3603</v>
      </c>
      <c r="B901" t="s">
        <v>3604</v>
      </c>
    </row>
    <row r="902" spans="1:2" x14ac:dyDescent="0.4">
      <c r="A902" t="s">
        <v>3605</v>
      </c>
      <c r="B902" t="s">
        <v>3606</v>
      </c>
    </row>
    <row r="903" spans="1:2" x14ac:dyDescent="0.4">
      <c r="A903" t="s">
        <v>3607</v>
      </c>
      <c r="B903" t="s">
        <v>3608</v>
      </c>
    </row>
    <row r="904" spans="1:2" x14ac:dyDescent="0.4">
      <c r="A904" t="s">
        <v>3609</v>
      </c>
      <c r="B904" t="s">
        <v>3610</v>
      </c>
    </row>
    <row r="905" spans="1:2" x14ac:dyDescent="0.4">
      <c r="A905" t="s">
        <v>3611</v>
      </c>
      <c r="B905" t="s">
        <v>3612</v>
      </c>
    </row>
    <row r="906" spans="1:2" x14ac:dyDescent="0.4">
      <c r="A906" t="s">
        <v>3613</v>
      </c>
      <c r="B906" t="s">
        <v>3614</v>
      </c>
    </row>
    <row r="907" spans="1:2" x14ac:dyDescent="0.4">
      <c r="A907" t="s">
        <v>3615</v>
      </c>
      <c r="B907" t="s">
        <v>3616</v>
      </c>
    </row>
    <row r="908" spans="1:2" x14ac:dyDescent="0.4">
      <c r="A908" t="s">
        <v>3617</v>
      </c>
      <c r="B908" t="s">
        <v>3618</v>
      </c>
    </row>
    <row r="909" spans="1:2" x14ac:dyDescent="0.4">
      <c r="A909" t="s">
        <v>3619</v>
      </c>
      <c r="B909" t="s">
        <v>3620</v>
      </c>
    </row>
    <row r="910" spans="1:2" x14ac:dyDescent="0.4">
      <c r="A910" t="s">
        <v>3621</v>
      </c>
      <c r="B910" t="s">
        <v>3622</v>
      </c>
    </row>
    <row r="911" spans="1:2" x14ac:dyDescent="0.4">
      <c r="A911" t="s">
        <v>3623</v>
      </c>
      <c r="B911" t="s">
        <v>3624</v>
      </c>
    </row>
    <row r="912" spans="1:2" x14ac:dyDescent="0.4">
      <c r="A912" t="s">
        <v>3625</v>
      </c>
      <c r="B912" t="s">
        <v>3626</v>
      </c>
    </row>
    <row r="913" spans="1:2" x14ac:dyDescent="0.4">
      <c r="A913" t="s">
        <v>3627</v>
      </c>
      <c r="B913" t="s">
        <v>3628</v>
      </c>
    </row>
    <row r="914" spans="1:2" x14ac:dyDescent="0.4">
      <c r="A914" t="s">
        <v>3629</v>
      </c>
      <c r="B914" t="s">
        <v>3630</v>
      </c>
    </row>
    <row r="915" spans="1:2" x14ac:dyDescent="0.4">
      <c r="A915" t="s">
        <v>3631</v>
      </c>
      <c r="B915" t="s">
        <v>3632</v>
      </c>
    </row>
    <row r="916" spans="1:2" x14ac:dyDescent="0.4">
      <c r="A916" t="s">
        <v>3633</v>
      </c>
      <c r="B916" t="s">
        <v>3634</v>
      </c>
    </row>
    <row r="917" spans="1:2" x14ac:dyDescent="0.4">
      <c r="A917" t="s">
        <v>3635</v>
      </c>
      <c r="B917" t="s">
        <v>3636</v>
      </c>
    </row>
    <row r="918" spans="1:2" x14ac:dyDescent="0.4">
      <c r="A918" t="s">
        <v>3637</v>
      </c>
      <c r="B918" t="s">
        <v>3638</v>
      </c>
    </row>
    <row r="919" spans="1:2" x14ac:dyDescent="0.4">
      <c r="A919" t="s">
        <v>3639</v>
      </c>
      <c r="B919" t="s">
        <v>3640</v>
      </c>
    </row>
    <row r="920" spans="1:2" x14ac:dyDescent="0.4">
      <c r="A920" t="s">
        <v>3641</v>
      </c>
      <c r="B920" t="s">
        <v>3642</v>
      </c>
    </row>
    <row r="921" spans="1:2" x14ac:dyDescent="0.4">
      <c r="A921" t="s">
        <v>3643</v>
      </c>
      <c r="B921" t="s">
        <v>3644</v>
      </c>
    </row>
    <row r="922" spans="1:2" x14ac:dyDescent="0.4">
      <c r="A922" t="s">
        <v>3645</v>
      </c>
      <c r="B922" t="s">
        <v>3646</v>
      </c>
    </row>
    <row r="923" spans="1:2" x14ac:dyDescent="0.4">
      <c r="A923" t="s">
        <v>3647</v>
      </c>
      <c r="B923" t="s">
        <v>3648</v>
      </c>
    </row>
    <row r="924" spans="1:2" x14ac:dyDescent="0.4">
      <c r="A924" t="s">
        <v>3649</v>
      </c>
      <c r="B924" t="s">
        <v>3650</v>
      </c>
    </row>
    <row r="925" spans="1:2" x14ac:dyDescent="0.4">
      <c r="A925" t="s">
        <v>3651</v>
      </c>
      <c r="B925" t="s">
        <v>3652</v>
      </c>
    </row>
    <row r="926" spans="1:2" x14ac:dyDescent="0.4">
      <c r="A926" t="s">
        <v>3653</v>
      </c>
      <c r="B926" t="s">
        <v>3654</v>
      </c>
    </row>
    <row r="927" spans="1:2" x14ac:dyDescent="0.4">
      <c r="A927" t="s">
        <v>3655</v>
      </c>
      <c r="B927" t="s">
        <v>3656</v>
      </c>
    </row>
    <row r="928" spans="1:2" x14ac:dyDescent="0.4">
      <c r="A928" t="s">
        <v>3657</v>
      </c>
      <c r="B928" t="s">
        <v>3658</v>
      </c>
    </row>
    <row r="929" spans="1:2" x14ac:dyDescent="0.4">
      <c r="A929" t="s">
        <v>3659</v>
      </c>
      <c r="B929" t="s">
        <v>3660</v>
      </c>
    </row>
    <row r="930" spans="1:2" x14ac:dyDescent="0.4">
      <c r="A930" t="s">
        <v>3661</v>
      </c>
      <c r="B930" t="s">
        <v>3662</v>
      </c>
    </row>
    <row r="931" spans="1:2" x14ac:dyDescent="0.4">
      <c r="A931" t="s">
        <v>3663</v>
      </c>
      <c r="B931" t="s">
        <v>3664</v>
      </c>
    </row>
    <row r="932" spans="1:2" x14ac:dyDescent="0.4">
      <c r="A932" t="s">
        <v>3665</v>
      </c>
      <c r="B932" t="s">
        <v>3666</v>
      </c>
    </row>
    <row r="933" spans="1:2" x14ac:dyDescent="0.4">
      <c r="A933" t="s">
        <v>3667</v>
      </c>
      <c r="B933" t="s">
        <v>3668</v>
      </c>
    </row>
    <row r="934" spans="1:2" x14ac:dyDescent="0.4">
      <c r="A934" t="s">
        <v>3669</v>
      </c>
      <c r="B934" t="s">
        <v>3670</v>
      </c>
    </row>
    <row r="935" spans="1:2" x14ac:dyDescent="0.4">
      <c r="A935" t="s">
        <v>3671</v>
      </c>
      <c r="B935" t="s">
        <v>3672</v>
      </c>
    </row>
    <row r="936" spans="1:2" x14ac:dyDescent="0.4">
      <c r="A936" t="s">
        <v>3673</v>
      </c>
      <c r="B936" t="s">
        <v>3674</v>
      </c>
    </row>
    <row r="937" spans="1:2" x14ac:dyDescent="0.4">
      <c r="A937" t="s">
        <v>3675</v>
      </c>
      <c r="B937" t="s">
        <v>3676</v>
      </c>
    </row>
    <row r="938" spans="1:2" x14ac:dyDescent="0.4">
      <c r="A938" t="s">
        <v>3677</v>
      </c>
      <c r="B938" t="s">
        <v>3678</v>
      </c>
    </row>
    <row r="939" spans="1:2" x14ac:dyDescent="0.4">
      <c r="A939" t="s">
        <v>3679</v>
      </c>
      <c r="B939" t="s">
        <v>3680</v>
      </c>
    </row>
    <row r="940" spans="1:2" x14ac:dyDescent="0.4">
      <c r="A940" t="s">
        <v>3681</v>
      </c>
      <c r="B940" t="s">
        <v>3682</v>
      </c>
    </row>
    <row r="941" spans="1:2" x14ac:dyDescent="0.4">
      <c r="A941" t="s">
        <v>3683</v>
      </c>
      <c r="B941" t="s">
        <v>3684</v>
      </c>
    </row>
    <row r="942" spans="1:2" x14ac:dyDescent="0.4">
      <c r="A942" t="s">
        <v>3685</v>
      </c>
      <c r="B942" t="s">
        <v>3686</v>
      </c>
    </row>
    <row r="943" spans="1:2" x14ac:dyDescent="0.4">
      <c r="A943" t="s">
        <v>3687</v>
      </c>
      <c r="B943" t="s">
        <v>3688</v>
      </c>
    </row>
    <row r="944" spans="1:2" x14ac:dyDescent="0.4">
      <c r="A944" t="s">
        <v>3689</v>
      </c>
      <c r="B944" t="s">
        <v>3690</v>
      </c>
    </row>
    <row r="945" spans="1:2" x14ac:dyDescent="0.4">
      <c r="A945" t="s">
        <v>3691</v>
      </c>
      <c r="B945" t="s">
        <v>3692</v>
      </c>
    </row>
    <row r="946" spans="1:2" x14ac:dyDescent="0.4">
      <c r="A946" t="s">
        <v>3693</v>
      </c>
      <c r="B946" t="s">
        <v>3694</v>
      </c>
    </row>
    <row r="947" spans="1:2" x14ac:dyDescent="0.4">
      <c r="A947" t="s">
        <v>3695</v>
      </c>
      <c r="B947" t="s">
        <v>3696</v>
      </c>
    </row>
    <row r="948" spans="1:2" x14ac:dyDescent="0.4">
      <c r="A948" t="s">
        <v>3697</v>
      </c>
      <c r="B948" t="s">
        <v>3698</v>
      </c>
    </row>
    <row r="949" spans="1:2" x14ac:dyDescent="0.4">
      <c r="A949" t="s">
        <v>3699</v>
      </c>
      <c r="B949" t="s">
        <v>3700</v>
      </c>
    </row>
    <row r="950" spans="1:2" x14ac:dyDescent="0.4">
      <c r="A950" t="s">
        <v>3701</v>
      </c>
      <c r="B950" t="s">
        <v>3702</v>
      </c>
    </row>
    <row r="951" spans="1:2" x14ac:dyDescent="0.4">
      <c r="A951" t="s">
        <v>3703</v>
      </c>
      <c r="B951" t="s">
        <v>3704</v>
      </c>
    </row>
    <row r="952" spans="1:2" x14ac:dyDescent="0.4">
      <c r="A952" t="s">
        <v>3705</v>
      </c>
      <c r="B952" t="s">
        <v>3706</v>
      </c>
    </row>
    <row r="953" spans="1:2" x14ac:dyDescent="0.4">
      <c r="A953" t="s">
        <v>3707</v>
      </c>
      <c r="B953" t="s">
        <v>3708</v>
      </c>
    </row>
    <row r="954" spans="1:2" x14ac:dyDescent="0.4">
      <c r="A954" t="s">
        <v>3709</v>
      </c>
      <c r="B954" t="s">
        <v>3710</v>
      </c>
    </row>
    <row r="955" spans="1:2" x14ac:dyDescent="0.4">
      <c r="A955" t="s">
        <v>3711</v>
      </c>
      <c r="B955" t="s">
        <v>3712</v>
      </c>
    </row>
    <row r="956" spans="1:2" x14ac:dyDescent="0.4">
      <c r="A956" t="s">
        <v>3713</v>
      </c>
      <c r="B956" t="s">
        <v>3714</v>
      </c>
    </row>
    <row r="957" spans="1:2" x14ac:dyDescent="0.4">
      <c r="A957" t="s">
        <v>3715</v>
      </c>
      <c r="B957" t="s">
        <v>3716</v>
      </c>
    </row>
    <row r="958" spans="1:2" x14ac:dyDescent="0.4">
      <c r="A958" t="s">
        <v>3717</v>
      </c>
      <c r="B958" t="s">
        <v>3718</v>
      </c>
    </row>
    <row r="959" spans="1:2" x14ac:dyDescent="0.4">
      <c r="A959" t="s">
        <v>3719</v>
      </c>
      <c r="B959" t="s">
        <v>3720</v>
      </c>
    </row>
    <row r="960" spans="1:2" x14ac:dyDescent="0.4">
      <c r="A960" t="s">
        <v>3721</v>
      </c>
      <c r="B960" t="s">
        <v>3722</v>
      </c>
    </row>
    <row r="961" spans="1:2" x14ac:dyDescent="0.4">
      <c r="A961" t="s">
        <v>3723</v>
      </c>
      <c r="B961" t="s">
        <v>3724</v>
      </c>
    </row>
    <row r="962" spans="1:2" x14ac:dyDescent="0.4">
      <c r="A962" t="s">
        <v>3725</v>
      </c>
      <c r="B962" t="s">
        <v>3726</v>
      </c>
    </row>
    <row r="963" spans="1:2" x14ac:dyDescent="0.4">
      <c r="A963" t="s">
        <v>3727</v>
      </c>
      <c r="B963" t="s">
        <v>3728</v>
      </c>
    </row>
    <row r="964" spans="1:2" x14ac:dyDescent="0.4">
      <c r="A964" t="s">
        <v>3729</v>
      </c>
      <c r="B964" t="s">
        <v>3730</v>
      </c>
    </row>
    <row r="965" spans="1:2" x14ac:dyDescent="0.4">
      <c r="A965" t="s">
        <v>3731</v>
      </c>
      <c r="B965" t="s">
        <v>3732</v>
      </c>
    </row>
    <row r="966" spans="1:2" x14ac:dyDescent="0.4">
      <c r="A966" t="s">
        <v>3733</v>
      </c>
      <c r="B966" t="s">
        <v>3734</v>
      </c>
    </row>
    <row r="967" spans="1:2" x14ac:dyDescent="0.4">
      <c r="A967" t="s">
        <v>3735</v>
      </c>
      <c r="B967" t="s">
        <v>3736</v>
      </c>
    </row>
    <row r="968" spans="1:2" x14ac:dyDescent="0.4">
      <c r="A968" t="s">
        <v>3737</v>
      </c>
      <c r="B968" t="s">
        <v>3738</v>
      </c>
    </row>
    <row r="969" spans="1:2" x14ac:dyDescent="0.4">
      <c r="A969" t="s">
        <v>3739</v>
      </c>
      <c r="B969" t="s">
        <v>3740</v>
      </c>
    </row>
    <row r="970" spans="1:2" x14ac:dyDescent="0.4">
      <c r="A970" t="s">
        <v>3741</v>
      </c>
      <c r="B970" t="s">
        <v>3742</v>
      </c>
    </row>
    <row r="971" spans="1:2" x14ac:dyDescent="0.4">
      <c r="A971" t="s">
        <v>3743</v>
      </c>
      <c r="B971" t="s">
        <v>3744</v>
      </c>
    </row>
    <row r="972" spans="1:2" x14ac:dyDescent="0.4">
      <c r="A972" t="s">
        <v>3745</v>
      </c>
      <c r="B972" t="s">
        <v>3746</v>
      </c>
    </row>
    <row r="973" spans="1:2" x14ac:dyDescent="0.4">
      <c r="A973" t="s">
        <v>3747</v>
      </c>
      <c r="B973" t="s">
        <v>3748</v>
      </c>
    </row>
    <row r="974" spans="1:2" x14ac:dyDescent="0.4">
      <c r="A974" t="s">
        <v>3749</v>
      </c>
      <c r="B974" t="s">
        <v>3750</v>
      </c>
    </row>
    <row r="975" spans="1:2" x14ac:dyDescent="0.4">
      <c r="A975" t="s">
        <v>3751</v>
      </c>
      <c r="B975" t="s">
        <v>3752</v>
      </c>
    </row>
    <row r="976" spans="1:2" x14ac:dyDescent="0.4">
      <c r="A976" t="s">
        <v>3753</v>
      </c>
      <c r="B976" t="s">
        <v>3754</v>
      </c>
    </row>
    <row r="977" spans="1:2" x14ac:dyDescent="0.4">
      <c r="A977" t="s">
        <v>3755</v>
      </c>
      <c r="B977" t="s">
        <v>3756</v>
      </c>
    </row>
    <row r="978" spans="1:2" x14ac:dyDescent="0.4">
      <c r="A978" t="s">
        <v>3757</v>
      </c>
      <c r="B978" t="s">
        <v>3758</v>
      </c>
    </row>
    <row r="979" spans="1:2" x14ac:dyDescent="0.4">
      <c r="A979" t="s">
        <v>3759</v>
      </c>
      <c r="B979" t="s">
        <v>3760</v>
      </c>
    </row>
    <row r="980" spans="1:2" x14ac:dyDescent="0.4">
      <c r="A980" t="s">
        <v>3761</v>
      </c>
      <c r="B980" t="s">
        <v>3762</v>
      </c>
    </row>
    <row r="981" spans="1:2" x14ac:dyDescent="0.4">
      <c r="A981" t="s">
        <v>3763</v>
      </c>
      <c r="B981" t="s">
        <v>3764</v>
      </c>
    </row>
    <row r="982" spans="1:2" x14ac:dyDescent="0.4">
      <c r="A982" t="s">
        <v>3765</v>
      </c>
      <c r="B982" t="s">
        <v>3766</v>
      </c>
    </row>
    <row r="983" spans="1:2" x14ac:dyDescent="0.4">
      <c r="A983" t="s">
        <v>3767</v>
      </c>
      <c r="B983" t="s">
        <v>3768</v>
      </c>
    </row>
    <row r="984" spans="1:2" x14ac:dyDescent="0.4">
      <c r="A984" t="s">
        <v>3769</v>
      </c>
      <c r="B984" t="s">
        <v>3770</v>
      </c>
    </row>
    <row r="985" spans="1:2" x14ac:dyDescent="0.4">
      <c r="A985" t="s">
        <v>3771</v>
      </c>
      <c r="B985" t="s">
        <v>3772</v>
      </c>
    </row>
    <row r="986" spans="1:2" x14ac:dyDescent="0.4">
      <c r="A986" t="s">
        <v>3773</v>
      </c>
      <c r="B986" t="s">
        <v>3774</v>
      </c>
    </row>
    <row r="987" spans="1:2" x14ac:dyDescent="0.4">
      <c r="A987" t="s">
        <v>3775</v>
      </c>
      <c r="B987" t="s">
        <v>3776</v>
      </c>
    </row>
    <row r="988" spans="1:2" x14ac:dyDescent="0.4">
      <c r="A988" t="s">
        <v>3777</v>
      </c>
      <c r="B988" t="s">
        <v>3778</v>
      </c>
    </row>
    <row r="989" spans="1:2" x14ac:dyDescent="0.4">
      <c r="A989" t="s">
        <v>3779</v>
      </c>
      <c r="B989" t="s">
        <v>3780</v>
      </c>
    </row>
    <row r="990" spans="1:2" x14ac:dyDescent="0.4">
      <c r="A990" t="s">
        <v>3781</v>
      </c>
      <c r="B990" t="s">
        <v>3782</v>
      </c>
    </row>
    <row r="991" spans="1:2" x14ac:dyDescent="0.4">
      <c r="A991" t="s">
        <v>3783</v>
      </c>
      <c r="B991" t="s">
        <v>3784</v>
      </c>
    </row>
    <row r="992" spans="1:2" x14ac:dyDescent="0.4">
      <c r="A992" t="s">
        <v>3785</v>
      </c>
      <c r="B992" t="s">
        <v>3786</v>
      </c>
    </row>
    <row r="993" spans="1:2" x14ac:dyDescent="0.4">
      <c r="A993" t="s">
        <v>3787</v>
      </c>
      <c r="B993" t="s">
        <v>3788</v>
      </c>
    </row>
    <row r="994" spans="1:2" x14ac:dyDescent="0.4">
      <c r="A994" t="s">
        <v>3789</v>
      </c>
      <c r="B994" t="s">
        <v>3790</v>
      </c>
    </row>
    <row r="995" spans="1:2" x14ac:dyDescent="0.4">
      <c r="A995" t="s">
        <v>3791</v>
      </c>
      <c r="B995" t="s">
        <v>3792</v>
      </c>
    </row>
    <row r="996" spans="1:2" x14ac:dyDescent="0.4">
      <c r="A996" t="s">
        <v>3793</v>
      </c>
      <c r="B996" t="s">
        <v>3794</v>
      </c>
    </row>
    <row r="997" spans="1:2" x14ac:dyDescent="0.4">
      <c r="A997" t="s">
        <v>3795</v>
      </c>
      <c r="B997" t="s">
        <v>3796</v>
      </c>
    </row>
    <row r="998" spans="1:2" x14ac:dyDescent="0.4">
      <c r="A998" t="s">
        <v>3797</v>
      </c>
      <c r="B998" t="s">
        <v>3798</v>
      </c>
    </row>
    <row r="999" spans="1:2" x14ac:dyDescent="0.4">
      <c r="A999" t="s">
        <v>3799</v>
      </c>
      <c r="B999" t="s">
        <v>3800</v>
      </c>
    </row>
    <row r="1000" spans="1:2" x14ac:dyDescent="0.4">
      <c r="A1000" t="s">
        <v>3801</v>
      </c>
      <c r="B1000" t="s">
        <v>3802</v>
      </c>
    </row>
    <row r="1001" spans="1:2" x14ac:dyDescent="0.4">
      <c r="A1001" t="s">
        <v>3803</v>
      </c>
      <c r="B1001" t="s">
        <v>3804</v>
      </c>
    </row>
    <row r="1002" spans="1:2" x14ac:dyDescent="0.4">
      <c r="A1002" t="s">
        <v>3805</v>
      </c>
      <c r="B1002" t="s">
        <v>3806</v>
      </c>
    </row>
    <row r="1003" spans="1:2" x14ac:dyDescent="0.4">
      <c r="A1003" t="s">
        <v>3807</v>
      </c>
      <c r="B1003" t="s">
        <v>3808</v>
      </c>
    </row>
    <row r="1004" spans="1:2" x14ac:dyDescent="0.4">
      <c r="A1004" t="s">
        <v>3809</v>
      </c>
      <c r="B1004" t="s">
        <v>3810</v>
      </c>
    </row>
    <row r="1005" spans="1:2" x14ac:dyDescent="0.4">
      <c r="A1005" t="s">
        <v>3811</v>
      </c>
      <c r="B1005" t="s">
        <v>3812</v>
      </c>
    </row>
    <row r="1006" spans="1:2" x14ac:dyDescent="0.4">
      <c r="A1006" t="s">
        <v>3813</v>
      </c>
      <c r="B1006" t="s">
        <v>3814</v>
      </c>
    </row>
    <row r="1007" spans="1:2" x14ac:dyDescent="0.4">
      <c r="A1007" t="s">
        <v>3815</v>
      </c>
      <c r="B1007" t="s">
        <v>3816</v>
      </c>
    </row>
    <row r="1008" spans="1:2" x14ac:dyDescent="0.4">
      <c r="A1008" t="s">
        <v>3817</v>
      </c>
      <c r="B1008" t="s">
        <v>3818</v>
      </c>
    </row>
    <row r="1009" spans="1:2" x14ac:dyDescent="0.4">
      <c r="A1009" t="s">
        <v>3819</v>
      </c>
      <c r="B1009" t="s">
        <v>3820</v>
      </c>
    </row>
    <row r="1010" spans="1:2" x14ac:dyDescent="0.4">
      <c r="A1010" t="s">
        <v>3821</v>
      </c>
      <c r="B1010" t="s">
        <v>3822</v>
      </c>
    </row>
    <row r="1011" spans="1:2" x14ac:dyDescent="0.4">
      <c r="A1011" t="s">
        <v>3823</v>
      </c>
      <c r="B1011" t="s">
        <v>3824</v>
      </c>
    </row>
    <row r="1012" spans="1:2" x14ac:dyDescent="0.4">
      <c r="A1012" t="s">
        <v>3825</v>
      </c>
      <c r="B1012" t="s">
        <v>3826</v>
      </c>
    </row>
    <row r="1013" spans="1:2" x14ac:dyDescent="0.4">
      <c r="A1013" t="s">
        <v>3827</v>
      </c>
      <c r="B1013" t="s">
        <v>3828</v>
      </c>
    </row>
    <row r="1014" spans="1:2" x14ac:dyDescent="0.4">
      <c r="A1014" t="s">
        <v>3829</v>
      </c>
      <c r="B1014" t="s">
        <v>3830</v>
      </c>
    </row>
    <row r="1015" spans="1:2" x14ac:dyDescent="0.4">
      <c r="A1015" t="s">
        <v>3831</v>
      </c>
      <c r="B1015" t="s">
        <v>3832</v>
      </c>
    </row>
    <row r="1016" spans="1:2" x14ac:dyDescent="0.4">
      <c r="A1016" t="s">
        <v>3833</v>
      </c>
      <c r="B1016" t="s">
        <v>3834</v>
      </c>
    </row>
    <row r="1017" spans="1:2" x14ac:dyDescent="0.4">
      <c r="A1017" t="s">
        <v>3835</v>
      </c>
      <c r="B1017" t="s">
        <v>3836</v>
      </c>
    </row>
    <row r="1018" spans="1:2" x14ac:dyDescent="0.4">
      <c r="A1018" t="s">
        <v>3837</v>
      </c>
      <c r="B1018" t="s">
        <v>3838</v>
      </c>
    </row>
    <row r="1019" spans="1:2" x14ac:dyDescent="0.4">
      <c r="A1019" t="s">
        <v>3839</v>
      </c>
      <c r="B1019" t="s">
        <v>3840</v>
      </c>
    </row>
    <row r="1020" spans="1:2" x14ac:dyDescent="0.4">
      <c r="A1020" t="s">
        <v>3841</v>
      </c>
      <c r="B1020" t="s">
        <v>3842</v>
      </c>
    </row>
    <row r="1021" spans="1:2" x14ac:dyDescent="0.4">
      <c r="A1021" t="s">
        <v>3843</v>
      </c>
      <c r="B1021" t="s">
        <v>3844</v>
      </c>
    </row>
    <row r="1022" spans="1:2" x14ac:dyDescent="0.4">
      <c r="A1022" t="s">
        <v>3845</v>
      </c>
      <c r="B1022" t="s">
        <v>3846</v>
      </c>
    </row>
    <row r="1023" spans="1:2" x14ac:dyDescent="0.4">
      <c r="A1023" t="s">
        <v>3847</v>
      </c>
      <c r="B1023" t="s">
        <v>3848</v>
      </c>
    </row>
    <row r="1024" spans="1:2" x14ac:dyDescent="0.4">
      <c r="A1024" t="s">
        <v>3849</v>
      </c>
      <c r="B1024" t="s">
        <v>3850</v>
      </c>
    </row>
    <row r="1025" spans="1:2" x14ac:dyDescent="0.4">
      <c r="A1025" t="s">
        <v>3851</v>
      </c>
      <c r="B1025" t="s">
        <v>3852</v>
      </c>
    </row>
    <row r="1026" spans="1:2" x14ac:dyDescent="0.4">
      <c r="A1026" t="s">
        <v>3853</v>
      </c>
      <c r="B1026" t="s">
        <v>3854</v>
      </c>
    </row>
    <row r="1027" spans="1:2" x14ac:dyDescent="0.4">
      <c r="A1027" t="s">
        <v>3855</v>
      </c>
      <c r="B1027" t="s">
        <v>3856</v>
      </c>
    </row>
    <row r="1028" spans="1:2" x14ac:dyDescent="0.4">
      <c r="A1028" t="s">
        <v>3857</v>
      </c>
      <c r="B1028" t="s">
        <v>3858</v>
      </c>
    </row>
    <row r="1029" spans="1:2" x14ac:dyDescent="0.4">
      <c r="A1029" t="s">
        <v>3859</v>
      </c>
      <c r="B1029" t="s">
        <v>3860</v>
      </c>
    </row>
    <row r="1030" spans="1:2" x14ac:dyDescent="0.4">
      <c r="A1030" t="s">
        <v>3861</v>
      </c>
      <c r="B1030" t="s">
        <v>3862</v>
      </c>
    </row>
    <row r="1031" spans="1:2" x14ac:dyDescent="0.4">
      <c r="A1031" t="s">
        <v>3863</v>
      </c>
      <c r="B1031" t="s">
        <v>3864</v>
      </c>
    </row>
    <row r="1032" spans="1:2" x14ac:dyDescent="0.4">
      <c r="A1032" t="s">
        <v>3865</v>
      </c>
      <c r="B1032" t="s">
        <v>3866</v>
      </c>
    </row>
    <row r="1033" spans="1:2" x14ac:dyDescent="0.4">
      <c r="A1033" t="s">
        <v>3867</v>
      </c>
      <c r="B1033" t="s">
        <v>3868</v>
      </c>
    </row>
    <row r="1034" spans="1:2" x14ac:dyDescent="0.4">
      <c r="A1034" t="s">
        <v>3869</v>
      </c>
      <c r="B1034" t="s">
        <v>3870</v>
      </c>
    </row>
    <row r="1035" spans="1:2" x14ac:dyDescent="0.4">
      <c r="A1035" t="s">
        <v>3871</v>
      </c>
      <c r="B1035" t="s">
        <v>3872</v>
      </c>
    </row>
    <row r="1036" spans="1:2" x14ac:dyDescent="0.4">
      <c r="A1036" t="s">
        <v>3873</v>
      </c>
      <c r="B1036" t="s">
        <v>3874</v>
      </c>
    </row>
    <row r="1037" spans="1:2" x14ac:dyDescent="0.4">
      <c r="A1037" t="s">
        <v>3875</v>
      </c>
      <c r="B1037" t="s">
        <v>3876</v>
      </c>
    </row>
    <row r="1038" spans="1:2" x14ac:dyDescent="0.4">
      <c r="A1038" t="s">
        <v>3877</v>
      </c>
      <c r="B1038" t="s">
        <v>3878</v>
      </c>
    </row>
    <row r="1039" spans="1:2" x14ac:dyDescent="0.4">
      <c r="A1039" t="s">
        <v>3879</v>
      </c>
      <c r="B1039" t="s">
        <v>3880</v>
      </c>
    </row>
    <row r="1040" spans="1:2" x14ac:dyDescent="0.4">
      <c r="A1040" t="s">
        <v>3881</v>
      </c>
      <c r="B1040" t="s">
        <v>3882</v>
      </c>
    </row>
    <row r="1041" spans="1:2" x14ac:dyDescent="0.4">
      <c r="A1041" t="s">
        <v>3883</v>
      </c>
      <c r="B1041" t="s">
        <v>3884</v>
      </c>
    </row>
    <row r="1042" spans="1:2" x14ac:dyDescent="0.4">
      <c r="A1042" t="s">
        <v>3885</v>
      </c>
      <c r="B1042" t="s">
        <v>3886</v>
      </c>
    </row>
    <row r="1043" spans="1:2" x14ac:dyDescent="0.4">
      <c r="A1043" t="s">
        <v>3887</v>
      </c>
      <c r="B1043" t="s">
        <v>3888</v>
      </c>
    </row>
    <row r="1044" spans="1:2" x14ac:dyDescent="0.4">
      <c r="A1044" t="s">
        <v>3889</v>
      </c>
      <c r="B1044" t="s">
        <v>3890</v>
      </c>
    </row>
    <row r="1045" spans="1:2" x14ac:dyDescent="0.4">
      <c r="A1045" t="s">
        <v>3891</v>
      </c>
      <c r="B1045" t="s">
        <v>3892</v>
      </c>
    </row>
    <row r="1046" spans="1:2" x14ac:dyDescent="0.4">
      <c r="A1046" t="s">
        <v>3893</v>
      </c>
      <c r="B1046" t="s">
        <v>3894</v>
      </c>
    </row>
    <row r="1047" spans="1:2" x14ac:dyDescent="0.4">
      <c r="A1047" t="s">
        <v>3895</v>
      </c>
      <c r="B1047" t="s">
        <v>3896</v>
      </c>
    </row>
    <row r="1048" spans="1:2" x14ac:dyDescent="0.4">
      <c r="A1048" t="s">
        <v>3897</v>
      </c>
      <c r="B1048" t="s">
        <v>3898</v>
      </c>
    </row>
    <row r="1049" spans="1:2" x14ac:dyDescent="0.4">
      <c r="A1049" t="s">
        <v>3899</v>
      </c>
      <c r="B1049" t="s">
        <v>3900</v>
      </c>
    </row>
    <row r="1050" spans="1:2" x14ac:dyDescent="0.4">
      <c r="A1050" t="s">
        <v>3901</v>
      </c>
      <c r="B1050" t="s">
        <v>3902</v>
      </c>
    </row>
    <row r="1051" spans="1:2" x14ac:dyDescent="0.4">
      <c r="A1051" t="s">
        <v>3903</v>
      </c>
      <c r="B1051" t="s">
        <v>3904</v>
      </c>
    </row>
    <row r="1052" spans="1:2" x14ac:dyDescent="0.4">
      <c r="A1052" t="s">
        <v>3905</v>
      </c>
      <c r="B1052" t="s">
        <v>3906</v>
      </c>
    </row>
    <row r="1053" spans="1:2" x14ac:dyDescent="0.4">
      <c r="A1053" t="s">
        <v>3907</v>
      </c>
      <c r="B1053" t="s">
        <v>3908</v>
      </c>
    </row>
    <row r="1054" spans="1:2" x14ac:dyDescent="0.4">
      <c r="A1054" t="s">
        <v>3909</v>
      </c>
      <c r="B1054" t="s">
        <v>3910</v>
      </c>
    </row>
    <row r="1055" spans="1:2" x14ac:dyDescent="0.4">
      <c r="A1055" t="s">
        <v>3911</v>
      </c>
      <c r="B1055" t="s">
        <v>3912</v>
      </c>
    </row>
    <row r="1056" spans="1:2" x14ac:dyDescent="0.4">
      <c r="A1056" t="s">
        <v>3913</v>
      </c>
      <c r="B1056" t="s">
        <v>3914</v>
      </c>
    </row>
    <row r="1057" spans="1:2" x14ac:dyDescent="0.4">
      <c r="A1057" t="s">
        <v>3915</v>
      </c>
      <c r="B1057" t="s">
        <v>3916</v>
      </c>
    </row>
    <row r="1058" spans="1:2" x14ac:dyDescent="0.4">
      <c r="A1058" t="s">
        <v>3917</v>
      </c>
      <c r="B1058" t="s">
        <v>3918</v>
      </c>
    </row>
    <row r="1059" spans="1:2" x14ac:dyDescent="0.4">
      <c r="A1059" t="s">
        <v>3919</v>
      </c>
      <c r="B1059" t="s">
        <v>3920</v>
      </c>
    </row>
    <row r="1060" spans="1:2" x14ac:dyDescent="0.4">
      <c r="A1060" t="s">
        <v>3921</v>
      </c>
      <c r="B1060" t="s">
        <v>3922</v>
      </c>
    </row>
    <row r="1061" spans="1:2" x14ac:dyDescent="0.4">
      <c r="A1061" t="s">
        <v>3923</v>
      </c>
      <c r="B1061" t="s">
        <v>3924</v>
      </c>
    </row>
    <row r="1062" spans="1:2" x14ac:dyDescent="0.4">
      <c r="A1062" t="s">
        <v>3925</v>
      </c>
      <c r="B1062" t="s">
        <v>3926</v>
      </c>
    </row>
    <row r="1063" spans="1:2" x14ac:dyDescent="0.4">
      <c r="A1063" t="s">
        <v>3927</v>
      </c>
      <c r="B1063" t="s">
        <v>3928</v>
      </c>
    </row>
    <row r="1064" spans="1:2" x14ac:dyDescent="0.4">
      <c r="A1064" t="s">
        <v>3929</v>
      </c>
      <c r="B1064" t="s">
        <v>3930</v>
      </c>
    </row>
    <row r="1065" spans="1:2" x14ac:dyDescent="0.4">
      <c r="A1065" t="s">
        <v>3931</v>
      </c>
      <c r="B1065" t="s">
        <v>3932</v>
      </c>
    </row>
    <row r="1066" spans="1:2" x14ac:dyDescent="0.4">
      <c r="A1066" t="s">
        <v>3933</v>
      </c>
      <c r="B1066" t="s">
        <v>3934</v>
      </c>
    </row>
    <row r="1067" spans="1:2" x14ac:dyDescent="0.4">
      <c r="A1067" t="s">
        <v>3935</v>
      </c>
      <c r="B1067" t="s">
        <v>3936</v>
      </c>
    </row>
    <row r="1068" spans="1:2" x14ac:dyDescent="0.4">
      <c r="A1068" t="s">
        <v>3937</v>
      </c>
      <c r="B1068" t="s">
        <v>3938</v>
      </c>
    </row>
    <row r="1069" spans="1:2" x14ac:dyDescent="0.4">
      <c r="A1069" t="s">
        <v>3939</v>
      </c>
      <c r="B1069" t="s">
        <v>3940</v>
      </c>
    </row>
    <row r="1070" spans="1:2" x14ac:dyDescent="0.4">
      <c r="A1070" t="s">
        <v>3941</v>
      </c>
      <c r="B1070" t="s">
        <v>3942</v>
      </c>
    </row>
    <row r="1071" spans="1:2" x14ac:dyDescent="0.4">
      <c r="A1071" t="s">
        <v>3943</v>
      </c>
      <c r="B1071" t="s">
        <v>3944</v>
      </c>
    </row>
    <row r="1072" spans="1:2" x14ac:dyDescent="0.4">
      <c r="A1072" t="s">
        <v>3945</v>
      </c>
      <c r="B1072" t="s">
        <v>3946</v>
      </c>
    </row>
    <row r="1073" spans="1:2" x14ac:dyDescent="0.4">
      <c r="A1073" t="s">
        <v>3947</v>
      </c>
      <c r="B1073" t="s">
        <v>3948</v>
      </c>
    </row>
    <row r="1074" spans="1:2" x14ac:dyDescent="0.4">
      <c r="A1074" t="s">
        <v>3949</v>
      </c>
      <c r="B1074" t="s">
        <v>3950</v>
      </c>
    </row>
    <row r="1075" spans="1:2" x14ac:dyDescent="0.4">
      <c r="A1075" t="s">
        <v>3951</v>
      </c>
      <c r="B1075" t="s">
        <v>3952</v>
      </c>
    </row>
    <row r="1076" spans="1:2" x14ac:dyDescent="0.4">
      <c r="A1076" t="s">
        <v>3953</v>
      </c>
      <c r="B1076" t="s">
        <v>3954</v>
      </c>
    </row>
    <row r="1077" spans="1:2" x14ac:dyDescent="0.4">
      <c r="A1077" t="s">
        <v>3955</v>
      </c>
      <c r="B1077" t="s">
        <v>3956</v>
      </c>
    </row>
    <row r="1078" spans="1:2" x14ac:dyDescent="0.4">
      <c r="A1078" t="s">
        <v>3957</v>
      </c>
      <c r="B1078" t="s">
        <v>3958</v>
      </c>
    </row>
    <row r="1079" spans="1:2" x14ac:dyDescent="0.4">
      <c r="A1079" t="s">
        <v>3959</v>
      </c>
      <c r="B1079" t="s">
        <v>3960</v>
      </c>
    </row>
    <row r="1080" spans="1:2" x14ac:dyDescent="0.4">
      <c r="A1080" t="s">
        <v>3961</v>
      </c>
      <c r="B1080" t="s">
        <v>3962</v>
      </c>
    </row>
    <row r="1081" spans="1:2" x14ac:dyDescent="0.4">
      <c r="A1081" t="s">
        <v>3963</v>
      </c>
      <c r="B1081" t="s">
        <v>3964</v>
      </c>
    </row>
    <row r="1082" spans="1:2" x14ac:dyDescent="0.4">
      <c r="A1082" t="s">
        <v>3965</v>
      </c>
      <c r="B1082" t="s">
        <v>3966</v>
      </c>
    </row>
    <row r="1083" spans="1:2" x14ac:dyDescent="0.4">
      <c r="A1083" t="s">
        <v>3967</v>
      </c>
      <c r="B1083" t="s">
        <v>3968</v>
      </c>
    </row>
    <row r="1084" spans="1:2" x14ac:dyDescent="0.4">
      <c r="A1084" t="s">
        <v>3969</v>
      </c>
      <c r="B1084" t="s">
        <v>3970</v>
      </c>
    </row>
    <row r="1085" spans="1:2" x14ac:dyDescent="0.4">
      <c r="A1085" t="s">
        <v>3971</v>
      </c>
      <c r="B1085" t="s">
        <v>3972</v>
      </c>
    </row>
    <row r="1086" spans="1:2" x14ac:dyDescent="0.4">
      <c r="A1086" t="s">
        <v>3973</v>
      </c>
      <c r="B1086" t="s">
        <v>3974</v>
      </c>
    </row>
    <row r="1087" spans="1:2" x14ac:dyDescent="0.4">
      <c r="A1087" t="s">
        <v>3975</v>
      </c>
      <c r="B1087" t="s">
        <v>3976</v>
      </c>
    </row>
    <row r="1088" spans="1:2" x14ac:dyDescent="0.4">
      <c r="A1088" t="s">
        <v>3977</v>
      </c>
      <c r="B1088" t="s">
        <v>3978</v>
      </c>
    </row>
    <row r="1089" spans="1:2" x14ac:dyDescent="0.4">
      <c r="A1089" t="s">
        <v>3979</v>
      </c>
      <c r="B1089" t="s">
        <v>3980</v>
      </c>
    </row>
    <row r="1090" spans="1:2" x14ac:dyDescent="0.4">
      <c r="A1090" t="s">
        <v>3981</v>
      </c>
      <c r="B1090" t="s">
        <v>3982</v>
      </c>
    </row>
    <row r="1091" spans="1:2" x14ac:dyDescent="0.4">
      <c r="A1091" t="s">
        <v>3983</v>
      </c>
      <c r="B1091" t="s">
        <v>3984</v>
      </c>
    </row>
    <row r="1092" spans="1:2" x14ac:dyDescent="0.4">
      <c r="A1092" t="s">
        <v>3985</v>
      </c>
      <c r="B1092" t="s">
        <v>3986</v>
      </c>
    </row>
    <row r="1093" spans="1:2" x14ac:dyDescent="0.4">
      <c r="A1093" t="s">
        <v>3987</v>
      </c>
      <c r="B1093" t="s">
        <v>3988</v>
      </c>
    </row>
    <row r="1094" spans="1:2" x14ac:dyDescent="0.4">
      <c r="A1094" t="s">
        <v>3989</v>
      </c>
      <c r="B1094" t="s">
        <v>3990</v>
      </c>
    </row>
    <row r="1095" spans="1:2" x14ac:dyDescent="0.4">
      <c r="A1095" t="s">
        <v>3991</v>
      </c>
      <c r="B1095" t="s">
        <v>3992</v>
      </c>
    </row>
    <row r="1096" spans="1:2" x14ac:dyDescent="0.4">
      <c r="A1096" t="s">
        <v>3993</v>
      </c>
      <c r="B1096" t="s">
        <v>3994</v>
      </c>
    </row>
    <row r="1097" spans="1:2" x14ac:dyDescent="0.4">
      <c r="A1097" t="s">
        <v>3995</v>
      </c>
      <c r="B1097" t="s">
        <v>3996</v>
      </c>
    </row>
    <row r="1098" spans="1:2" x14ac:dyDescent="0.4">
      <c r="A1098" t="s">
        <v>3997</v>
      </c>
      <c r="B1098" t="s">
        <v>3998</v>
      </c>
    </row>
    <row r="1099" spans="1:2" x14ac:dyDescent="0.4">
      <c r="A1099" t="s">
        <v>3999</v>
      </c>
      <c r="B1099" t="s">
        <v>4000</v>
      </c>
    </row>
    <row r="1100" spans="1:2" x14ac:dyDescent="0.4">
      <c r="A1100" t="s">
        <v>4001</v>
      </c>
      <c r="B1100" t="s">
        <v>4002</v>
      </c>
    </row>
    <row r="1101" spans="1:2" x14ac:dyDescent="0.4">
      <c r="A1101" t="s">
        <v>4003</v>
      </c>
      <c r="B1101" t="s">
        <v>4004</v>
      </c>
    </row>
    <row r="1102" spans="1:2" x14ac:dyDescent="0.4">
      <c r="A1102" t="s">
        <v>4005</v>
      </c>
      <c r="B1102" t="s">
        <v>4006</v>
      </c>
    </row>
    <row r="1103" spans="1:2" x14ac:dyDescent="0.4">
      <c r="A1103" t="s">
        <v>4007</v>
      </c>
      <c r="B1103" t="s">
        <v>4008</v>
      </c>
    </row>
    <row r="1104" spans="1:2" x14ac:dyDescent="0.4">
      <c r="A1104" t="s">
        <v>4009</v>
      </c>
      <c r="B1104" t="s">
        <v>4010</v>
      </c>
    </row>
    <row r="1105" spans="1:2" x14ac:dyDescent="0.4">
      <c r="A1105" t="s">
        <v>4011</v>
      </c>
      <c r="B1105" t="s">
        <v>4012</v>
      </c>
    </row>
    <row r="1106" spans="1:2" x14ac:dyDescent="0.4">
      <c r="A1106" t="s">
        <v>4013</v>
      </c>
      <c r="B1106" t="s">
        <v>4014</v>
      </c>
    </row>
    <row r="1107" spans="1:2" x14ac:dyDescent="0.4">
      <c r="A1107" t="s">
        <v>4015</v>
      </c>
      <c r="B1107" t="s">
        <v>4016</v>
      </c>
    </row>
    <row r="1108" spans="1:2" x14ac:dyDescent="0.4">
      <c r="A1108" t="s">
        <v>4017</v>
      </c>
      <c r="B1108" t="s">
        <v>4018</v>
      </c>
    </row>
    <row r="1109" spans="1:2" x14ac:dyDescent="0.4">
      <c r="A1109" t="s">
        <v>4019</v>
      </c>
      <c r="B1109" t="s">
        <v>4020</v>
      </c>
    </row>
    <row r="1110" spans="1:2" x14ac:dyDescent="0.4">
      <c r="A1110" t="s">
        <v>4021</v>
      </c>
      <c r="B1110" t="s">
        <v>4022</v>
      </c>
    </row>
    <row r="1111" spans="1:2" x14ac:dyDescent="0.4">
      <c r="A1111" t="s">
        <v>4023</v>
      </c>
      <c r="B1111" t="s">
        <v>4024</v>
      </c>
    </row>
    <row r="1112" spans="1:2" x14ac:dyDescent="0.4">
      <c r="A1112" t="s">
        <v>4025</v>
      </c>
      <c r="B1112" t="s">
        <v>4026</v>
      </c>
    </row>
    <row r="1113" spans="1:2" x14ac:dyDescent="0.4">
      <c r="A1113" t="s">
        <v>4027</v>
      </c>
      <c r="B1113" t="s">
        <v>4028</v>
      </c>
    </row>
    <row r="1114" spans="1:2" x14ac:dyDescent="0.4">
      <c r="A1114" t="s">
        <v>4029</v>
      </c>
      <c r="B1114" t="s">
        <v>4030</v>
      </c>
    </row>
    <row r="1115" spans="1:2" x14ac:dyDescent="0.4">
      <c r="A1115" t="s">
        <v>4031</v>
      </c>
      <c r="B1115" t="s">
        <v>4032</v>
      </c>
    </row>
    <row r="1116" spans="1:2" x14ac:dyDescent="0.4">
      <c r="A1116" t="s">
        <v>4033</v>
      </c>
      <c r="B1116" t="s">
        <v>4034</v>
      </c>
    </row>
    <row r="1117" spans="1:2" x14ac:dyDescent="0.4">
      <c r="A1117" t="s">
        <v>4035</v>
      </c>
      <c r="B1117" t="s">
        <v>4036</v>
      </c>
    </row>
    <row r="1118" spans="1:2" x14ac:dyDescent="0.4">
      <c r="A1118" t="s">
        <v>4037</v>
      </c>
      <c r="B1118" t="s">
        <v>4038</v>
      </c>
    </row>
    <row r="1119" spans="1:2" x14ac:dyDescent="0.4">
      <c r="A1119" t="s">
        <v>4039</v>
      </c>
      <c r="B1119" t="s">
        <v>4040</v>
      </c>
    </row>
    <row r="1120" spans="1:2" x14ac:dyDescent="0.4">
      <c r="A1120" t="s">
        <v>4041</v>
      </c>
      <c r="B1120" t="s">
        <v>4042</v>
      </c>
    </row>
    <row r="1121" spans="1:2" x14ac:dyDescent="0.4">
      <c r="A1121" t="s">
        <v>4043</v>
      </c>
      <c r="B1121" t="s">
        <v>4044</v>
      </c>
    </row>
    <row r="1122" spans="1:2" x14ac:dyDescent="0.4">
      <c r="A1122" t="s">
        <v>4045</v>
      </c>
      <c r="B1122" t="s">
        <v>4046</v>
      </c>
    </row>
    <row r="1123" spans="1:2" x14ac:dyDescent="0.4">
      <c r="A1123" t="s">
        <v>4047</v>
      </c>
      <c r="B1123" t="s">
        <v>4048</v>
      </c>
    </row>
    <row r="1124" spans="1:2" x14ac:dyDescent="0.4">
      <c r="A1124" t="s">
        <v>4049</v>
      </c>
      <c r="B1124" t="s">
        <v>4050</v>
      </c>
    </row>
    <row r="1125" spans="1:2" x14ac:dyDescent="0.4">
      <c r="A1125" t="s">
        <v>4051</v>
      </c>
      <c r="B1125" t="s">
        <v>4052</v>
      </c>
    </row>
    <row r="1126" spans="1:2" x14ac:dyDescent="0.4">
      <c r="A1126" t="s">
        <v>4053</v>
      </c>
      <c r="B1126" t="s">
        <v>4054</v>
      </c>
    </row>
    <row r="1127" spans="1:2" x14ac:dyDescent="0.4">
      <c r="A1127" t="s">
        <v>4055</v>
      </c>
      <c r="B1127" t="s">
        <v>4056</v>
      </c>
    </row>
    <row r="1128" spans="1:2" x14ac:dyDescent="0.4">
      <c r="A1128" t="s">
        <v>4057</v>
      </c>
      <c r="B1128" t="s">
        <v>4058</v>
      </c>
    </row>
    <row r="1129" spans="1:2" x14ac:dyDescent="0.4">
      <c r="A1129" t="s">
        <v>4059</v>
      </c>
      <c r="B1129" t="s">
        <v>4060</v>
      </c>
    </row>
    <row r="1130" spans="1:2" x14ac:dyDescent="0.4">
      <c r="A1130" t="s">
        <v>4061</v>
      </c>
      <c r="B1130" t="s">
        <v>4062</v>
      </c>
    </row>
    <row r="1131" spans="1:2" x14ac:dyDescent="0.4">
      <c r="A1131" t="s">
        <v>4063</v>
      </c>
      <c r="B1131" t="s">
        <v>4064</v>
      </c>
    </row>
    <row r="1132" spans="1:2" x14ac:dyDescent="0.4">
      <c r="A1132" t="s">
        <v>4065</v>
      </c>
      <c r="B1132" t="s">
        <v>4066</v>
      </c>
    </row>
    <row r="1133" spans="1:2" x14ac:dyDescent="0.4">
      <c r="A1133" t="s">
        <v>4067</v>
      </c>
      <c r="B1133" t="s">
        <v>4068</v>
      </c>
    </row>
    <row r="1134" spans="1:2" x14ac:dyDescent="0.4">
      <c r="A1134" t="s">
        <v>4069</v>
      </c>
      <c r="B1134" t="s">
        <v>4070</v>
      </c>
    </row>
    <row r="1135" spans="1:2" x14ac:dyDescent="0.4">
      <c r="A1135" t="s">
        <v>4071</v>
      </c>
      <c r="B1135" t="s">
        <v>4072</v>
      </c>
    </row>
    <row r="1136" spans="1:2" x14ac:dyDescent="0.4">
      <c r="A1136" t="s">
        <v>4073</v>
      </c>
      <c r="B1136" t="s">
        <v>4074</v>
      </c>
    </row>
    <row r="1137" spans="1:2" x14ac:dyDescent="0.4">
      <c r="A1137" t="s">
        <v>4075</v>
      </c>
      <c r="B1137" t="s">
        <v>4076</v>
      </c>
    </row>
    <row r="1138" spans="1:2" x14ac:dyDescent="0.4">
      <c r="A1138" t="s">
        <v>4077</v>
      </c>
      <c r="B1138" t="s">
        <v>4078</v>
      </c>
    </row>
    <row r="1139" spans="1:2" x14ac:dyDescent="0.4">
      <c r="A1139" t="s">
        <v>4079</v>
      </c>
      <c r="B1139" t="s">
        <v>4080</v>
      </c>
    </row>
    <row r="1140" spans="1:2" x14ac:dyDescent="0.4">
      <c r="A1140" t="s">
        <v>4081</v>
      </c>
      <c r="B1140" t="s">
        <v>4082</v>
      </c>
    </row>
    <row r="1141" spans="1:2" x14ac:dyDescent="0.4">
      <c r="A1141" t="s">
        <v>4083</v>
      </c>
      <c r="B1141" t="s">
        <v>4084</v>
      </c>
    </row>
    <row r="1142" spans="1:2" x14ac:dyDescent="0.4">
      <c r="A1142" t="s">
        <v>4085</v>
      </c>
      <c r="B1142" t="s">
        <v>4086</v>
      </c>
    </row>
    <row r="1143" spans="1:2" x14ac:dyDescent="0.4">
      <c r="A1143" t="s">
        <v>4087</v>
      </c>
      <c r="B1143" t="s">
        <v>4088</v>
      </c>
    </row>
    <row r="1144" spans="1:2" x14ac:dyDescent="0.4">
      <c r="A1144" t="s">
        <v>4089</v>
      </c>
      <c r="B1144" t="s">
        <v>4090</v>
      </c>
    </row>
    <row r="1145" spans="1:2" x14ac:dyDescent="0.4">
      <c r="A1145" t="s">
        <v>4091</v>
      </c>
      <c r="B1145" t="s">
        <v>4092</v>
      </c>
    </row>
    <row r="1146" spans="1:2" x14ac:dyDescent="0.4">
      <c r="A1146" t="s">
        <v>4093</v>
      </c>
      <c r="B1146" t="s">
        <v>4094</v>
      </c>
    </row>
    <row r="1147" spans="1:2" x14ac:dyDescent="0.4">
      <c r="A1147" t="s">
        <v>4095</v>
      </c>
      <c r="B1147" t="s">
        <v>4096</v>
      </c>
    </row>
    <row r="1148" spans="1:2" x14ac:dyDescent="0.4">
      <c r="A1148" t="s">
        <v>4097</v>
      </c>
      <c r="B1148" t="s">
        <v>4098</v>
      </c>
    </row>
    <row r="1149" spans="1:2" x14ac:dyDescent="0.4">
      <c r="A1149" t="s">
        <v>4099</v>
      </c>
      <c r="B1149" t="s">
        <v>4100</v>
      </c>
    </row>
    <row r="1150" spans="1:2" x14ac:dyDescent="0.4">
      <c r="A1150" t="s">
        <v>4101</v>
      </c>
      <c r="B1150" t="s">
        <v>4102</v>
      </c>
    </row>
    <row r="1151" spans="1:2" x14ac:dyDescent="0.4">
      <c r="A1151" t="s">
        <v>4103</v>
      </c>
      <c r="B1151" t="s">
        <v>4104</v>
      </c>
    </row>
    <row r="1152" spans="1:2" x14ac:dyDescent="0.4">
      <c r="A1152" t="s">
        <v>4105</v>
      </c>
      <c r="B1152" t="s">
        <v>4106</v>
      </c>
    </row>
    <row r="1153" spans="1:2" x14ac:dyDescent="0.4">
      <c r="A1153" t="s">
        <v>4107</v>
      </c>
      <c r="B1153" t="s">
        <v>4108</v>
      </c>
    </row>
    <row r="1154" spans="1:2" x14ac:dyDescent="0.4">
      <c r="A1154" t="s">
        <v>4109</v>
      </c>
      <c r="B1154" t="s">
        <v>4110</v>
      </c>
    </row>
    <row r="1155" spans="1:2" x14ac:dyDescent="0.4">
      <c r="A1155" t="s">
        <v>4111</v>
      </c>
      <c r="B1155" t="s">
        <v>4112</v>
      </c>
    </row>
    <row r="1156" spans="1:2" x14ac:dyDescent="0.4">
      <c r="A1156" t="s">
        <v>4113</v>
      </c>
      <c r="B1156" t="s">
        <v>4114</v>
      </c>
    </row>
    <row r="1157" spans="1:2" x14ac:dyDescent="0.4">
      <c r="A1157" t="s">
        <v>4115</v>
      </c>
      <c r="B1157" t="s">
        <v>4116</v>
      </c>
    </row>
    <row r="1158" spans="1:2" x14ac:dyDescent="0.4">
      <c r="A1158" t="s">
        <v>4117</v>
      </c>
      <c r="B1158" t="s">
        <v>4118</v>
      </c>
    </row>
    <row r="1159" spans="1:2" x14ac:dyDescent="0.4">
      <c r="A1159" t="s">
        <v>4119</v>
      </c>
      <c r="B1159" t="s">
        <v>4120</v>
      </c>
    </row>
    <row r="1160" spans="1:2" x14ac:dyDescent="0.4">
      <c r="A1160" t="s">
        <v>4121</v>
      </c>
      <c r="B1160" t="s">
        <v>4122</v>
      </c>
    </row>
    <row r="1161" spans="1:2" x14ac:dyDescent="0.4">
      <c r="A1161" t="s">
        <v>4123</v>
      </c>
      <c r="B1161" t="s">
        <v>4124</v>
      </c>
    </row>
    <row r="1162" spans="1:2" x14ac:dyDescent="0.4">
      <c r="A1162" t="s">
        <v>4125</v>
      </c>
      <c r="B1162" t="s">
        <v>4126</v>
      </c>
    </row>
    <row r="1163" spans="1:2" x14ac:dyDescent="0.4">
      <c r="A1163" t="s">
        <v>4127</v>
      </c>
      <c r="B1163" t="s">
        <v>4128</v>
      </c>
    </row>
    <row r="1164" spans="1:2" x14ac:dyDescent="0.4">
      <c r="A1164" t="s">
        <v>4129</v>
      </c>
      <c r="B1164" t="s">
        <v>4130</v>
      </c>
    </row>
    <row r="1165" spans="1:2" x14ac:dyDescent="0.4">
      <c r="A1165" t="s">
        <v>4131</v>
      </c>
      <c r="B1165" t="s">
        <v>4132</v>
      </c>
    </row>
    <row r="1166" spans="1:2" x14ac:dyDescent="0.4">
      <c r="A1166" t="s">
        <v>4133</v>
      </c>
      <c r="B1166" t="s">
        <v>4134</v>
      </c>
    </row>
    <row r="1167" spans="1:2" x14ac:dyDescent="0.4">
      <c r="A1167" t="s">
        <v>4135</v>
      </c>
      <c r="B1167" t="s">
        <v>4136</v>
      </c>
    </row>
    <row r="1168" spans="1:2" x14ac:dyDescent="0.4">
      <c r="A1168" t="s">
        <v>4137</v>
      </c>
      <c r="B1168" t="s">
        <v>4138</v>
      </c>
    </row>
    <row r="1169" spans="1:2" x14ac:dyDescent="0.4">
      <c r="A1169" t="s">
        <v>4139</v>
      </c>
      <c r="B1169" t="s">
        <v>4140</v>
      </c>
    </row>
    <row r="1170" spans="1:2" x14ac:dyDescent="0.4">
      <c r="A1170" t="s">
        <v>4141</v>
      </c>
      <c r="B1170" t="s">
        <v>4142</v>
      </c>
    </row>
    <row r="1171" spans="1:2" x14ac:dyDescent="0.4">
      <c r="A1171" t="s">
        <v>4143</v>
      </c>
      <c r="B1171" t="s">
        <v>4144</v>
      </c>
    </row>
    <row r="1172" spans="1:2" x14ac:dyDescent="0.4">
      <c r="A1172" t="s">
        <v>4145</v>
      </c>
      <c r="B1172" t="s">
        <v>4146</v>
      </c>
    </row>
    <row r="1173" spans="1:2" x14ac:dyDescent="0.4">
      <c r="A1173" t="s">
        <v>4147</v>
      </c>
      <c r="B1173" t="s">
        <v>4148</v>
      </c>
    </row>
    <row r="1174" spans="1:2" x14ac:dyDescent="0.4">
      <c r="A1174" t="s">
        <v>4149</v>
      </c>
      <c r="B1174" t="s">
        <v>4150</v>
      </c>
    </row>
    <row r="1175" spans="1:2" x14ac:dyDescent="0.4">
      <c r="A1175" t="s">
        <v>4151</v>
      </c>
      <c r="B1175" t="s">
        <v>4152</v>
      </c>
    </row>
    <row r="1176" spans="1:2" x14ac:dyDescent="0.4">
      <c r="A1176" t="s">
        <v>4153</v>
      </c>
      <c r="B1176" t="s">
        <v>4154</v>
      </c>
    </row>
    <row r="1177" spans="1:2" x14ac:dyDescent="0.4">
      <c r="A1177" t="s">
        <v>4155</v>
      </c>
      <c r="B1177" t="s">
        <v>4156</v>
      </c>
    </row>
    <row r="1178" spans="1:2" x14ac:dyDescent="0.4">
      <c r="A1178" t="s">
        <v>4157</v>
      </c>
      <c r="B1178" t="s">
        <v>4158</v>
      </c>
    </row>
    <row r="1179" spans="1:2" x14ac:dyDescent="0.4">
      <c r="A1179" t="s">
        <v>4159</v>
      </c>
      <c r="B1179" t="s">
        <v>4160</v>
      </c>
    </row>
    <row r="1180" spans="1:2" x14ac:dyDescent="0.4">
      <c r="A1180" t="s">
        <v>4161</v>
      </c>
      <c r="B1180" t="s">
        <v>4162</v>
      </c>
    </row>
    <row r="1181" spans="1:2" x14ac:dyDescent="0.4">
      <c r="A1181" t="s">
        <v>4163</v>
      </c>
      <c r="B1181" t="s">
        <v>4164</v>
      </c>
    </row>
    <row r="1182" spans="1:2" x14ac:dyDescent="0.4">
      <c r="A1182" t="s">
        <v>4165</v>
      </c>
      <c r="B1182" t="s">
        <v>4166</v>
      </c>
    </row>
    <row r="1183" spans="1:2" x14ac:dyDescent="0.4">
      <c r="A1183" t="s">
        <v>4167</v>
      </c>
      <c r="B1183" t="s">
        <v>4168</v>
      </c>
    </row>
    <row r="1184" spans="1:2" x14ac:dyDescent="0.4">
      <c r="A1184" t="s">
        <v>4169</v>
      </c>
      <c r="B1184" t="s">
        <v>4170</v>
      </c>
    </row>
    <row r="1185" spans="1:2" x14ac:dyDescent="0.4">
      <c r="A1185" t="s">
        <v>4171</v>
      </c>
      <c r="B1185" t="s">
        <v>4172</v>
      </c>
    </row>
    <row r="1186" spans="1:2" x14ac:dyDescent="0.4">
      <c r="A1186" t="s">
        <v>4173</v>
      </c>
      <c r="B1186" t="s">
        <v>4174</v>
      </c>
    </row>
    <row r="1187" spans="1:2" x14ac:dyDescent="0.4">
      <c r="A1187" t="s">
        <v>4175</v>
      </c>
      <c r="B1187" t="s">
        <v>4176</v>
      </c>
    </row>
    <row r="1188" spans="1:2" x14ac:dyDescent="0.4">
      <c r="A1188" t="s">
        <v>4177</v>
      </c>
      <c r="B1188" t="s">
        <v>4178</v>
      </c>
    </row>
    <row r="1189" spans="1:2" x14ac:dyDescent="0.4">
      <c r="A1189" t="s">
        <v>4179</v>
      </c>
      <c r="B1189" t="s">
        <v>4180</v>
      </c>
    </row>
    <row r="1190" spans="1:2" x14ac:dyDescent="0.4">
      <c r="A1190" t="s">
        <v>4181</v>
      </c>
      <c r="B1190" t="s">
        <v>4182</v>
      </c>
    </row>
    <row r="1191" spans="1:2" x14ac:dyDescent="0.4">
      <c r="A1191" t="s">
        <v>4183</v>
      </c>
      <c r="B1191" t="s">
        <v>4184</v>
      </c>
    </row>
    <row r="1192" spans="1:2" x14ac:dyDescent="0.4">
      <c r="A1192" t="s">
        <v>4185</v>
      </c>
      <c r="B1192" t="s">
        <v>4186</v>
      </c>
    </row>
    <row r="1193" spans="1:2" x14ac:dyDescent="0.4">
      <c r="A1193" t="s">
        <v>4187</v>
      </c>
      <c r="B1193" t="s">
        <v>4188</v>
      </c>
    </row>
    <row r="1194" spans="1:2" x14ac:dyDescent="0.4">
      <c r="A1194" t="s">
        <v>4189</v>
      </c>
      <c r="B1194" t="s">
        <v>4190</v>
      </c>
    </row>
    <row r="1195" spans="1:2" x14ac:dyDescent="0.4">
      <c r="A1195" t="s">
        <v>4191</v>
      </c>
      <c r="B1195" t="s">
        <v>4192</v>
      </c>
    </row>
    <row r="1196" spans="1:2" x14ac:dyDescent="0.4">
      <c r="A1196" t="s">
        <v>4193</v>
      </c>
      <c r="B1196" t="s">
        <v>4194</v>
      </c>
    </row>
    <row r="1197" spans="1:2" x14ac:dyDescent="0.4">
      <c r="A1197" t="s">
        <v>4195</v>
      </c>
      <c r="B1197" t="s">
        <v>4196</v>
      </c>
    </row>
    <row r="1198" spans="1:2" x14ac:dyDescent="0.4">
      <c r="A1198" t="s">
        <v>4197</v>
      </c>
      <c r="B1198" t="s">
        <v>4198</v>
      </c>
    </row>
    <row r="1199" spans="1:2" x14ac:dyDescent="0.4">
      <c r="A1199" t="s">
        <v>4199</v>
      </c>
      <c r="B1199" t="s">
        <v>4200</v>
      </c>
    </row>
    <row r="1200" spans="1:2" x14ac:dyDescent="0.4">
      <c r="A1200" t="s">
        <v>4201</v>
      </c>
      <c r="B1200" t="s">
        <v>4202</v>
      </c>
    </row>
    <row r="1201" spans="1:2" x14ac:dyDescent="0.4">
      <c r="A1201" t="s">
        <v>4203</v>
      </c>
      <c r="B1201" t="s">
        <v>4204</v>
      </c>
    </row>
    <row r="1202" spans="1:2" x14ac:dyDescent="0.4">
      <c r="A1202" t="s">
        <v>4205</v>
      </c>
      <c r="B1202" t="s">
        <v>4206</v>
      </c>
    </row>
    <row r="1203" spans="1:2" x14ac:dyDescent="0.4">
      <c r="A1203" t="s">
        <v>4207</v>
      </c>
      <c r="B1203" t="s">
        <v>4208</v>
      </c>
    </row>
    <row r="1204" spans="1:2" x14ac:dyDescent="0.4">
      <c r="A1204" t="s">
        <v>4209</v>
      </c>
      <c r="B1204" t="s">
        <v>4210</v>
      </c>
    </row>
    <row r="1205" spans="1:2" x14ac:dyDescent="0.4">
      <c r="A1205" t="s">
        <v>4211</v>
      </c>
      <c r="B1205" t="s">
        <v>4212</v>
      </c>
    </row>
    <row r="1206" spans="1:2" x14ac:dyDescent="0.4">
      <c r="A1206" t="s">
        <v>4213</v>
      </c>
      <c r="B1206" t="s">
        <v>4214</v>
      </c>
    </row>
    <row r="1207" spans="1:2" x14ac:dyDescent="0.4">
      <c r="A1207" t="s">
        <v>4215</v>
      </c>
      <c r="B1207" t="s">
        <v>4216</v>
      </c>
    </row>
    <row r="1208" spans="1:2" x14ac:dyDescent="0.4">
      <c r="A1208" t="s">
        <v>4217</v>
      </c>
      <c r="B1208" t="s">
        <v>4218</v>
      </c>
    </row>
    <row r="1209" spans="1:2" x14ac:dyDescent="0.4">
      <c r="A1209" t="s">
        <v>4219</v>
      </c>
      <c r="B1209" t="s">
        <v>4220</v>
      </c>
    </row>
    <row r="1210" spans="1:2" x14ac:dyDescent="0.4">
      <c r="A1210" t="s">
        <v>4221</v>
      </c>
      <c r="B1210" t="s">
        <v>4222</v>
      </c>
    </row>
    <row r="1211" spans="1:2" x14ac:dyDescent="0.4">
      <c r="A1211" t="s">
        <v>4223</v>
      </c>
      <c r="B1211" t="s">
        <v>4224</v>
      </c>
    </row>
    <row r="1212" spans="1:2" x14ac:dyDescent="0.4">
      <c r="A1212" t="s">
        <v>4225</v>
      </c>
      <c r="B1212" t="s">
        <v>4226</v>
      </c>
    </row>
    <row r="1213" spans="1:2" x14ac:dyDescent="0.4">
      <c r="A1213" t="s">
        <v>4227</v>
      </c>
      <c r="B1213" t="s">
        <v>4228</v>
      </c>
    </row>
    <row r="1214" spans="1:2" x14ac:dyDescent="0.4">
      <c r="A1214" t="s">
        <v>4229</v>
      </c>
      <c r="B1214" t="s">
        <v>4230</v>
      </c>
    </row>
    <row r="1215" spans="1:2" x14ac:dyDescent="0.4">
      <c r="A1215" t="s">
        <v>4231</v>
      </c>
      <c r="B1215" t="s">
        <v>4232</v>
      </c>
    </row>
    <row r="1216" spans="1:2" x14ac:dyDescent="0.4">
      <c r="A1216" t="s">
        <v>4233</v>
      </c>
      <c r="B1216" t="s">
        <v>4234</v>
      </c>
    </row>
    <row r="1217" spans="1:2" x14ac:dyDescent="0.4">
      <c r="A1217" t="s">
        <v>4235</v>
      </c>
      <c r="B1217" t="s">
        <v>4236</v>
      </c>
    </row>
    <row r="1218" spans="1:2" x14ac:dyDescent="0.4">
      <c r="A1218" t="s">
        <v>4237</v>
      </c>
      <c r="B1218" t="s">
        <v>4238</v>
      </c>
    </row>
    <row r="1219" spans="1:2" x14ac:dyDescent="0.4">
      <c r="A1219" t="s">
        <v>4239</v>
      </c>
      <c r="B1219" t="s">
        <v>4240</v>
      </c>
    </row>
    <row r="1220" spans="1:2" x14ac:dyDescent="0.4">
      <c r="A1220" t="s">
        <v>4241</v>
      </c>
      <c r="B1220" t="s">
        <v>4242</v>
      </c>
    </row>
    <row r="1221" spans="1:2" x14ac:dyDescent="0.4">
      <c r="A1221" t="s">
        <v>4243</v>
      </c>
      <c r="B1221" t="s">
        <v>4244</v>
      </c>
    </row>
    <row r="1222" spans="1:2" x14ac:dyDescent="0.4">
      <c r="A1222" t="s">
        <v>4245</v>
      </c>
      <c r="B1222" t="s">
        <v>4246</v>
      </c>
    </row>
    <row r="1223" spans="1:2" x14ac:dyDescent="0.4">
      <c r="A1223" t="s">
        <v>4247</v>
      </c>
      <c r="B1223" t="s">
        <v>4248</v>
      </c>
    </row>
    <row r="1224" spans="1:2" x14ac:dyDescent="0.4">
      <c r="A1224" t="s">
        <v>4249</v>
      </c>
      <c r="B1224" t="s">
        <v>4250</v>
      </c>
    </row>
    <row r="1225" spans="1:2" x14ac:dyDescent="0.4">
      <c r="A1225" t="s">
        <v>4251</v>
      </c>
      <c r="B1225" t="s">
        <v>4252</v>
      </c>
    </row>
    <row r="1226" spans="1:2" x14ac:dyDescent="0.4">
      <c r="A1226" t="s">
        <v>4253</v>
      </c>
      <c r="B1226" t="s">
        <v>4254</v>
      </c>
    </row>
    <row r="1227" spans="1:2" x14ac:dyDescent="0.4">
      <c r="A1227" t="s">
        <v>4255</v>
      </c>
      <c r="B1227" t="s">
        <v>4256</v>
      </c>
    </row>
    <row r="1228" spans="1:2" x14ac:dyDescent="0.4">
      <c r="A1228" t="s">
        <v>4257</v>
      </c>
      <c r="B1228" t="s">
        <v>4258</v>
      </c>
    </row>
    <row r="1229" spans="1:2" x14ac:dyDescent="0.4">
      <c r="A1229" t="s">
        <v>4259</v>
      </c>
      <c r="B1229" t="s">
        <v>4260</v>
      </c>
    </row>
    <row r="1230" spans="1:2" x14ac:dyDescent="0.4">
      <c r="A1230" t="s">
        <v>4261</v>
      </c>
      <c r="B1230" t="s">
        <v>4262</v>
      </c>
    </row>
    <row r="1231" spans="1:2" x14ac:dyDescent="0.4">
      <c r="A1231" t="s">
        <v>4263</v>
      </c>
      <c r="B1231" t="s">
        <v>4264</v>
      </c>
    </row>
    <row r="1232" spans="1:2" x14ac:dyDescent="0.4">
      <c r="A1232" t="s">
        <v>4265</v>
      </c>
      <c r="B1232" t="s">
        <v>4266</v>
      </c>
    </row>
    <row r="1233" spans="1:2" x14ac:dyDescent="0.4">
      <c r="A1233" t="s">
        <v>4267</v>
      </c>
      <c r="B1233" t="s">
        <v>4268</v>
      </c>
    </row>
    <row r="1234" spans="1:2" x14ac:dyDescent="0.4">
      <c r="A1234" t="s">
        <v>4269</v>
      </c>
      <c r="B1234" t="s">
        <v>4270</v>
      </c>
    </row>
    <row r="1235" spans="1:2" x14ac:dyDescent="0.4">
      <c r="A1235" t="s">
        <v>4271</v>
      </c>
      <c r="B1235" t="s">
        <v>4272</v>
      </c>
    </row>
    <row r="1236" spans="1:2" x14ac:dyDescent="0.4">
      <c r="A1236" t="s">
        <v>4273</v>
      </c>
      <c r="B1236" t="s">
        <v>4274</v>
      </c>
    </row>
    <row r="1237" spans="1:2" x14ac:dyDescent="0.4">
      <c r="A1237" t="s">
        <v>4275</v>
      </c>
      <c r="B1237" t="s">
        <v>4276</v>
      </c>
    </row>
    <row r="1238" spans="1:2" x14ac:dyDescent="0.4">
      <c r="A1238" t="s">
        <v>4277</v>
      </c>
      <c r="B1238" t="s">
        <v>4278</v>
      </c>
    </row>
    <row r="1239" spans="1:2" x14ac:dyDescent="0.4">
      <c r="A1239" t="s">
        <v>4279</v>
      </c>
      <c r="B1239" t="s">
        <v>4280</v>
      </c>
    </row>
    <row r="1240" spans="1:2" x14ac:dyDescent="0.4">
      <c r="A1240" t="s">
        <v>4281</v>
      </c>
      <c r="B1240" t="s">
        <v>4282</v>
      </c>
    </row>
    <row r="1241" spans="1:2" x14ac:dyDescent="0.4">
      <c r="A1241" t="s">
        <v>4283</v>
      </c>
      <c r="B1241" t="s">
        <v>4284</v>
      </c>
    </row>
    <row r="1242" spans="1:2" x14ac:dyDescent="0.4">
      <c r="A1242" t="s">
        <v>4285</v>
      </c>
      <c r="B1242" t="s">
        <v>4286</v>
      </c>
    </row>
    <row r="1243" spans="1:2" x14ac:dyDescent="0.4">
      <c r="A1243" t="s">
        <v>4287</v>
      </c>
      <c r="B1243" t="s">
        <v>4288</v>
      </c>
    </row>
    <row r="1244" spans="1:2" x14ac:dyDescent="0.4">
      <c r="A1244" t="s">
        <v>4289</v>
      </c>
      <c r="B1244" t="s">
        <v>4290</v>
      </c>
    </row>
    <row r="1245" spans="1:2" x14ac:dyDescent="0.4">
      <c r="A1245" t="s">
        <v>4291</v>
      </c>
      <c r="B1245" t="s">
        <v>4292</v>
      </c>
    </row>
    <row r="1246" spans="1:2" x14ac:dyDescent="0.4">
      <c r="A1246" t="s">
        <v>4293</v>
      </c>
      <c r="B1246" t="s">
        <v>4294</v>
      </c>
    </row>
    <row r="1247" spans="1:2" x14ac:dyDescent="0.4">
      <c r="A1247" t="s">
        <v>4295</v>
      </c>
      <c r="B1247" t="s">
        <v>4296</v>
      </c>
    </row>
    <row r="1248" spans="1:2" x14ac:dyDescent="0.4">
      <c r="A1248" t="s">
        <v>4297</v>
      </c>
      <c r="B1248" t="s">
        <v>4298</v>
      </c>
    </row>
    <row r="1249" spans="1:2" x14ac:dyDescent="0.4">
      <c r="A1249" t="s">
        <v>4299</v>
      </c>
      <c r="B1249" t="s">
        <v>4300</v>
      </c>
    </row>
    <row r="1250" spans="1:2" x14ac:dyDescent="0.4">
      <c r="A1250" t="s">
        <v>4301</v>
      </c>
      <c r="B1250" t="s">
        <v>4302</v>
      </c>
    </row>
    <row r="1251" spans="1:2" x14ac:dyDescent="0.4">
      <c r="A1251" t="s">
        <v>4303</v>
      </c>
      <c r="B1251" t="s">
        <v>4304</v>
      </c>
    </row>
    <row r="1252" spans="1:2" x14ac:dyDescent="0.4">
      <c r="A1252" t="s">
        <v>4305</v>
      </c>
      <c r="B1252" t="s">
        <v>4306</v>
      </c>
    </row>
    <row r="1253" spans="1:2" x14ac:dyDescent="0.4">
      <c r="A1253" t="s">
        <v>4307</v>
      </c>
      <c r="B1253" t="s">
        <v>4308</v>
      </c>
    </row>
    <row r="1254" spans="1:2" x14ac:dyDescent="0.4">
      <c r="A1254" t="s">
        <v>4309</v>
      </c>
      <c r="B1254" t="s">
        <v>4310</v>
      </c>
    </row>
    <row r="1255" spans="1:2" x14ac:dyDescent="0.4">
      <c r="A1255" t="s">
        <v>4311</v>
      </c>
      <c r="B1255" t="s">
        <v>4312</v>
      </c>
    </row>
    <row r="1256" spans="1:2" x14ac:dyDescent="0.4">
      <c r="A1256" t="s">
        <v>4313</v>
      </c>
      <c r="B1256" t="s">
        <v>4314</v>
      </c>
    </row>
    <row r="1257" spans="1:2" x14ac:dyDescent="0.4">
      <c r="A1257" t="s">
        <v>4315</v>
      </c>
      <c r="B1257" t="s">
        <v>4316</v>
      </c>
    </row>
    <row r="1258" spans="1:2" x14ac:dyDescent="0.4">
      <c r="A1258" t="s">
        <v>4317</v>
      </c>
      <c r="B1258" t="s">
        <v>4318</v>
      </c>
    </row>
    <row r="1259" spans="1:2" x14ac:dyDescent="0.4">
      <c r="A1259" t="s">
        <v>4319</v>
      </c>
      <c r="B1259" t="s">
        <v>4320</v>
      </c>
    </row>
    <row r="1260" spans="1:2" x14ac:dyDescent="0.4">
      <c r="A1260" t="s">
        <v>4321</v>
      </c>
      <c r="B1260" t="s">
        <v>4322</v>
      </c>
    </row>
    <row r="1261" spans="1:2" x14ac:dyDescent="0.4">
      <c r="A1261" t="s">
        <v>4323</v>
      </c>
      <c r="B1261" t="s">
        <v>4324</v>
      </c>
    </row>
    <row r="1262" spans="1:2" x14ac:dyDescent="0.4">
      <c r="A1262" t="s">
        <v>4325</v>
      </c>
      <c r="B1262" t="s">
        <v>4326</v>
      </c>
    </row>
    <row r="1263" spans="1:2" x14ac:dyDescent="0.4">
      <c r="A1263" t="s">
        <v>4327</v>
      </c>
      <c r="B1263" t="s">
        <v>4328</v>
      </c>
    </row>
    <row r="1264" spans="1:2" x14ac:dyDescent="0.4">
      <c r="A1264" t="s">
        <v>4329</v>
      </c>
      <c r="B1264" t="s">
        <v>4330</v>
      </c>
    </row>
    <row r="1265" spans="1:2" x14ac:dyDescent="0.4">
      <c r="A1265" t="s">
        <v>4331</v>
      </c>
      <c r="B1265" t="s">
        <v>4332</v>
      </c>
    </row>
    <row r="1266" spans="1:2" x14ac:dyDescent="0.4">
      <c r="A1266" t="s">
        <v>4333</v>
      </c>
      <c r="B1266" t="s">
        <v>4334</v>
      </c>
    </row>
    <row r="1267" spans="1:2" x14ac:dyDescent="0.4">
      <c r="A1267" t="s">
        <v>4335</v>
      </c>
      <c r="B1267" t="s">
        <v>4336</v>
      </c>
    </row>
    <row r="1268" spans="1:2" x14ac:dyDescent="0.4">
      <c r="A1268" t="s">
        <v>4337</v>
      </c>
      <c r="B1268" t="s">
        <v>4338</v>
      </c>
    </row>
    <row r="1269" spans="1:2" x14ac:dyDescent="0.4">
      <c r="A1269" t="s">
        <v>4339</v>
      </c>
      <c r="B1269" t="s">
        <v>4340</v>
      </c>
    </row>
    <row r="1270" spans="1:2" x14ac:dyDescent="0.4">
      <c r="A1270" t="s">
        <v>4341</v>
      </c>
      <c r="B1270" t="s">
        <v>4342</v>
      </c>
    </row>
    <row r="1271" spans="1:2" x14ac:dyDescent="0.4">
      <c r="A1271" t="s">
        <v>4343</v>
      </c>
      <c r="B1271" t="s">
        <v>4344</v>
      </c>
    </row>
    <row r="1272" spans="1:2" x14ac:dyDescent="0.4">
      <c r="A1272" t="s">
        <v>4345</v>
      </c>
      <c r="B1272" t="s">
        <v>4346</v>
      </c>
    </row>
    <row r="1273" spans="1:2" x14ac:dyDescent="0.4">
      <c r="A1273" t="s">
        <v>4347</v>
      </c>
      <c r="B1273" t="s">
        <v>4348</v>
      </c>
    </row>
    <row r="1274" spans="1:2" x14ac:dyDescent="0.4">
      <c r="A1274" t="s">
        <v>4349</v>
      </c>
      <c r="B1274" t="s">
        <v>4350</v>
      </c>
    </row>
    <row r="1275" spans="1:2" x14ac:dyDescent="0.4">
      <c r="A1275" t="s">
        <v>4351</v>
      </c>
      <c r="B1275" t="s">
        <v>4352</v>
      </c>
    </row>
    <row r="1276" spans="1:2" x14ac:dyDescent="0.4">
      <c r="A1276" t="s">
        <v>4353</v>
      </c>
      <c r="B1276" t="s">
        <v>4354</v>
      </c>
    </row>
    <row r="1277" spans="1:2" x14ac:dyDescent="0.4">
      <c r="A1277" t="s">
        <v>4355</v>
      </c>
      <c r="B1277" t="s">
        <v>4356</v>
      </c>
    </row>
    <row r="1278" spans="1:2" x14ac:dyDescent="0.4">
      <c r="A1278" t="s">
        <v>4357</v>
      </c>
      <c r="B1278" t="s">
        <v>4358</v>
      </c>
    </row>
    <row r="1279" spans="1:2" x14ac:dyDescent="0.4">
      <c r="A1279" t="s">
        <v>4359</v>
      </c>
      <c r="B1279" t="s">
        <v>4360</v>
      </c>
    </row>
    <row r="1280" spans="1:2" x14ac:dyDescent="0.4">
      <c r="A1280" t="s">
        <v>4361</v>
      </c>
      <c r="B1280" t="s">
        <v>4362</v>
      </c>
    </row>
    <row r="1281" spans="1:2" x14ac:dyDescent="0.4">
      <c r="A1281" t="s">
        <v>4363</v>
      </c>
      <c r="B1281" t="s">
        <v>4364</v>
      </c>
    </row>
    <row r="1282" spans="1:2" x14ac:dyDescent="0.4">
      <c r="A1282" t="s">
        <v>4365</v>
      </c>
      <c r="B1282" t="s">
        <v>4366</v>
      </c>
    </row>
    <row r="1283" spans="1:2" x14ac:dyDescent="0.4">
      <c r="A1283" t="s">
        <v>4367</v>
      </c>
      <c r="B1283" t="s">
        <v>4368</v>
      </c>
    </row>
    <row r="1284" spans="1:2" x14ac:dyDescent="0.4">
      <c r="A1284" t="s">
        <v>4369</v>
      </c>
      <c r="B1284" t="s">
        <v>4370</v>
      </c>
    </row>
    <row r="1285" spans="1:2" x14ac:dyDescent="0.4">
      <c r="A1285" t="s">
        <v>4371</v>
      </c>
      <c r="B1285" t="s">
        <v>4372</v>
      </c>
    </row>
    <row r="1286" spans="1:2" x14ac:dyDescent="0.4">
      <c r="A1286" t="s">
        <v>4373</v>
      </c>
      <c r="B1286" t="s">
        <v>4374</v>
      </c>
    </row>
    <row r="1287" spans="1:2" x14ac:dyDescent="0.4">
      <c r="A1287" t="s">
        <v>4375</v>
      </c>
      <c r="B1287" t="s">
        <v>4376</v>
      </c>
    </row>
    <row r="1288" spans="1:2" x14ac:dyDescent="0.4">
      <c r="A1288" t="s">
        <v>4377</v>
      </c>
      <c r="B1288" t="s">
        <v>4378</v>
      </c>
    </row>
    <row r="1289" spans="1:2" x14ac:dyDescent="0.4">
      <c r="A1289" t="s">
        <v>4379</v>
      </c>
      <c r="B1289" t="s">
        <v>4380</v>
      </c>
    </row>
    <row r="1290" spans="1:2" x14ac:dyDescent="0.4">
      <c r="A1290" t="s">
        <v>4381</v>
      </c>
      <c r="B1290" t="s">
        <v>4382</v>
      </c>
    </row>
    <row r="1291" spans="1:2" x14ac:dyDescent="0.4">
      <c r="A1291" t="s">
        <v>4383</v>
      </c>
      <c r="B1291" t="s">
        <v>4384</v>
      </c>
    </row>
    <row r="1292" spans="1:2" x14ac:dyDescent="0.4">
      <c r="A1292" t="s">
        <v>4385</v>
      </c>
      <c r="B1292" t="s">
        <v>4386</v>
      </c>
    </row>
    <row r="1293" spans="1:2" x14ac:dyDescent="0.4">
      <c r="A1293" t="s">
        <v>4387</v>
      </c>
      <c r="B1293" t="s">
        <v>4388</v>
      </c>
    </row>
    <row r="1294" spans="1:2" x14ac:dyDescent="0.4">
      <c r="A1294" t="s">
        <v>4389</v>
      </c>
      <c r="B1294" t="s">
        <v>4390</v>
      </c>
    </row>
    <row r="1295" spans="1:2" x14ac:dyDescent="0.4">
      <c r="A1295" t="s">
        <v>4391</v>
      </c>
      <c r="B1295" t="s">
        <v>4392</v>
      </c>
    </row>
    <row r="1296" spans="1:2" x14ac:dyDescent="0.4">
      <c r="A1296" t="s">
        <v>4393</v>
      </c>
      <c r="B1296" t="s">
        <v>4394</v>
      </c>
    </row>
    <row r="1297" spans="1:2" x14ac:dyDescent="0.4">
      <c r="A1297" t="s">
        <v>4395</v>
      </c>
      <c r="B1297" t="s">
        <v>4396</v>
      </c>
    </row>
    <row r="1298" spans="1:2" x14ac:dyDescent="0.4">
      <c r="A1298" t="s">
        <v>4397</v>
      </c>
      <c r="B1298" t="s">
        <v>4398</v>
      </c>
    </row>
    <row r="1299" spans="1:2" x14ac:dyDescent="0.4">
      <c r="A1299" t="s">
        <v>4399</v>
      </c>
      <c r="B1299" t="s">
        <v>4400</v>
      </c>
    </row>
    <row r="1300" spans="1:2" x14ac:dyDescent="0.4">
      <c r="A1300" t="s">
        <v>4401</v>
      </c>
      <c r="B1300" t="s">
        <v>4402</v>
      </c>
    </row>
    <row r="1301" spans="1:2" x14ac:dyDescent="0.4">
      <c r="A1301" t="s">
        <v>4403</v>
      </c>
      <c r="B1301" t="s">
        <v>4404</v>
      </c>
    </row>
    <row r="1302" spans="1:2" x14ac:dyDescent="0.4">
      <c r="A1302" t="s">
        <v>4405</v>
      </c>
      <c r="B1302" t="s">
        <v>4406</v>
      </c>
    </row>
    <row r="1303" spans="1:2" x14ac:dyDescent="0.4">
      <c r="A1303" t="s">
        <v>4407</v>
      </c>
      <c r="B1303" t="s">
        <v>4408</v>
      </c>
    </row>
    <row r="1304" spans="1:2" x14ac:dyDescent="0.4">
      <c r="A1304" t="s">
        <v>4409</v>
      </c>
      <c r="B1304" t="s">
        <v>4410</v>
      </c>
    </row>
    <row r="1305" spans="1:2" x14ac:dyDescent="0.4">
      <c r="A1305" t="s">
        <v>4411</v>
      </c>
      <c r="B1305" t="s">
        <v>4412</v>
      </c>
    </row>
    <row r="1306" spans="1:2" x14ac:dyDescent="0.4">
      <c r="A1306" t="s">
        <v>4413</v>
      </c>
      <c r="B1306" t="s">
        <v>4414</v>
      </c>
    </row>
    <row r="1307" spans="1:2" x14ac:dyDescent="0.4">
      <c r="A1307" t="s">
        <v>4415</v>
      </c>
      <c r="B1307" t="s">
        <v>4416</v>
      </c>
    </row>
    <row r="1308" spans="1:2" x14ac:dyDescent="0.4">
      <c r="A1308" t="s">
        <v>4417</v>
      </c>
      <c r="B1308" t="s">
        <v>4418</v>
      </c>
    </row>
    <row r="1309" spans="1:2" x14ac:dyDescent="0.4">
      <c r="A1309" t="s">
        <v>4419</v>
      </c>
      <c r="B1309" t="s">
        <v>4420</v>
      </c>
    </row>
    <row r="1310" spans="1:2" x14ac:dyDescent="0.4">
      <c r="A1310" t="s">
        <v>4421</v>
      </c>
      <c r="B1310" t="s">
        <v>4422</v>
      </c>
    </row>
    <row r="1311" spans="1:2" x14ac:dyDescent="0.4">
      <c r="A1311" t="s">
        <v>4423</v>
      </c>
      <c r="B1311" t="s">
        <v>4424</v>
      </c>
    </row>
    <row r="1312" spans="1:2" x14ac:dyDescent="0.4">
      <c r="A1312" t="s">
        <v>4425</v>
      </c>
      <c r="B1312" t="s">
        <v>4426</v>
      </c>
    </row>
    <row r="1313" spans="1:2" x14ac:dyDescent="0.4">
      <c r="A1313" t="s">
        <v>4427</v>
      </c>
      <c r="B1313" t="s">
        <v>4428</v>
      </c>
    </row>
    <row r="1314" spans="1:2" x14ac:dyDescent="0.4">
      <c r="A1314" t="s">
        <v>4429</v>
      </c>
      <c r="B1314" t="s">
        <v>4430</v>
      </c>
    </row>
    <row r="1315" spans="1:2" x14ac:dyDescent="0.4">
      <c r="A1315" t="s">
        <v>4431</v>
      </c>
      <c r="B1315" t="s">
        <v>4432</v>
      </c>
    </row>
    <row r="1316" spans="1:2" x14ac:dyDescent="0.4">
      <c r="A1316" t="s">
        <v>4433</v>
      </c>
      <c r="B1316" t="s">
        <v>4434</v>
      </c>
    </row>
    <row r="1317" spans="1:2" x14ac:dyDescent="0.4">
      <c r="A1317" t="s">
        <v>4435</v>
      </c>
      <c r="B1317" t="s">
        <v>4436</v>
      </c>
    </row>
    <row r="1318" spans="1:2" x14ac:dyDescent="0.4">
      <c r="A1318" t="s">
        <v>4437</v>
      </c>
      <c r="B1318" t="s">
        <v>4438</v>
      </c>
    </row>
    <row r="1319" spans="1:2" x14ac:dyDescent="0.4">
      <c r="A1319" t="s">
        <v>4439</v>
      </c>
      <c r="B1319" t="s">
        <v>4440</v>
      </c>
    </row>
    <row r="1320" spans="1:2" x14ac:dyDescent="0.4">
      <c r="A1320" t="s">
        <v>4441</v>
      </c>
      <c r="B1320" t="s">
        <v>4442</v>
      </c>
    </row>
    <row r="1321" spans="1:2" x14ac:dyDescent="0.4">
      <c r="A1321" t="s">
        <v>4443</v>
      </c>
      <c r="B1321" t="s">
        <v>4444</v>
      </c>
    </row>
    <row r="1322" spans="1:2" x14ac:dyDescent="0.4">
      <c r="A1322" t="s">
        <v>4445</v>
      </c>
      <c r="B1322" t="s">
        <v>4446</v>
      </c>
    </row>
    <row r="1323" spans="1:2" x14ac:dyDescent="0.4">
      <c r="A1323" t="s">
        <v>4447</v>
      </c>
      <c r="B1323" t="s">
        <v>4448</v>
      </c>
    </row>
    <row r="1324" spans="1:2" x14ac:dyDescent="0.4">
      <c r="A1324" t="s">
        <v>4449</v>
      </c>
      <c r="B1324" t="s">
        <v>4450</v>
      </c>
    </row>
    <row r="1325" spans="1:2" x14ac:dyDescent="0.4">
      <c r="A1325" t="s">
        <v>4451</v>
      </c>
      <c r="B1325" t="s">
        <v>4452</v>
      </c>
    </row>
    <row r="1326" spans="1:2" x14ac:dyDescent="0.4">
      <c r="A1326" t="s">
        <v>4453</v>
      </c>
      <c r="B1326" t="s">
        <v>4454</v>
      </c>
    </row>
    <row r="1327" spans="1:2" x14ac:dyDescent="0.4">
      <c r="A1327" t="s">
        <v>4455</v>
      </c>
      <c r="B1327" t="s">
        <v>4456</v>
      </c>
    </row>
    <row r="1328" spans="1:2" x14ac:dyDescent="0.4">
      <c r="A1328" t="s">
        <v>4457</v>
      </c>
      <c r="B1328" t="s">
        <v>4458</v>
      </c>
    </row>
    <row r="1329" spans="1:2" x14ac:dyDescent="0.4">
      <c r="A1329" t="s">
        <v>4459</v>
      </c>
      <c r="B1329" t="s">
        <v>4460</v>
      </c>
    </row>
    <row r="1330" spans="1:2" x14ac:dyDescent="0.4">
      <c r="A1330" t="s">
        <v>4461</v>
      </c>
      <c r="B1330" t="s">
        <v>4462</v>
      </c>
    </row>
    <row r="1331" spans="1:2" x14ac:dyDescent="0.4">
      <c r="A1331" t="s">
        <v>4463</v>
      </c>
      <c r="B1331" t="s">
        <v>4464</v>
      </c>
    </row>
    <row r="1332" spans="1:2" x14ac:dyDescent="0.4">
      <c r="A1332" t="s">
        <v>4465</v>
      </c>
      <c r="B1332" t="s">
        <v>4466</v>
      </c>
    </row>
    <row r="1333" spans="1:2" x14ac:dyDescent="0.4">
      <c r="A1333" t="s">
        <v>4467</v>
      </c>
      <c r="B1333" t="s">
        <v>4468</v>
      </c>
    </row>
    <row r="1334" spans="1:2" x14ac:dyDescent="0.4">
      <c r="A1334" t="s">
        <v>4469</v>
      </c>
      <c r="B1334" t="s">
        <v>4470</v>
      </c>
    </row>
    <row r="1335" spans="1:2" x14ac:dyDescent="0.4">
      <c r="A1335" t="s">
        <v>4471</v>
      </c>
      <c r="B1335" t="s">
        <v>4472</v>
      </c>
    </row>
    <row r="1336" spans="1:2" x14ac:dyDescent="0.4">
      <c r="A1336" t="s">
        <v>4473</v>
      </c>
      <c r="B1336" t="s">
        <v>4474</v>
      </c>
    </row>
    <row r="1337" spans="1:2" x14ac:dyDescent="0.4">
      <c r="A1337" t="s">
        <v>4475</v>
      </c>
      <c r="B1337" t="s">
        <v>4476</v>
      </c>
    </row>
    <row r="1338" spans="1:2" x14ac:dyDescent="0.4">
      <c r="A1338" t="s">
        <v>4477</v>
      </c>
      <c r="B1338" t="s">
        <v>4478</v>
      </c>
    </row>
    <row r="1339" spans="1:2" x14ac:dyDescent="0.4">
      <c r="A1339" t="s">
        <v>4479</v>
      </c>
      <c r="B1339" t="s">
        <v>4480</v>
      </c>
    </row>
    <row r="1340" spans="1:2" x14ac:dyDescent="0.4">
      <c r="A1340" t="s">
        <v>4481</v>
      </c>
      <c r="B1340" t="s">
        <v>4482</v>
      </c>
    </row>
    <row r="1341" spans="1:2" x14ac:dyDescent="0.4">
      <c r="A1341" t="s">
        <v>4483</v>
      </c>
      <c r="B1341" t="s">
        <v>4484</v>
      </c>
    </row>
    <row r="1342" spans="1:2" x14ac:dyDescent="0.4">
      <c r="A1342" t="s">
        <v>4485</v>
      </c>
      <c r="B1342" t="s">
        <v>4486</v>
      </c>
    </row>
    <row r="1343" spans="1:2" x14ac:dyDescent="0.4">
      <c r="A1343" t="s">
        <v>4487</v>
      </c>
      <c r="B1343" t="s">
        <v>4488</v>
      </c>
    </row>
    <row r="1344" spans="1:2" x14ac:dyDescent="0.4">
      <c r="A1344" t="s">
        <v>4489</v>
      </c>
      <c r="B1344" t="s">
        <v>4490</v>
      </c>
    </row>
    <row r="1345" spans="1:2" x14ac:dyDescent="0.4">
      <c r="A1345" t="s">
        <v>4491</v>
      </c>
      <c r="B1345" t="s">
        <v>4492</v>
      </c>
    </row>
    <row r="1346" spans="1:2" x14ac:dyDescent="0.4">
      <c r="A1346" t="s">
        <v>4493</v>
      </c>
      <c r="B1346" t="s">
        <v>4494</v>
      </c>
    </row>
    <row r="1347" spans="1:2" x14ac:dyDescent="0.4">
      <c r="A1347" t="s">
        <v>4495</v>
      </c>
      <c r="B1347" t="s">
        <v>4496</v>
      </c>
    </row>
    <row r="1348" spans="1:2" x14ac:dyDescent="0.4">
      <c r="A1348" t="s">
        <v>4497</v>
      </c>
      <c r="B1348" t="s">
        <v>4498</v>
      </c>
    </row>
    <row r="1349" spans="1:2" x14ac:dyDescent="0.4">
      <c r="A1349" t="s">
        <v>4499</v>
      </c>
      <c r="B1349" t="s">
        <v>4500</v>
      </c>
    </row>
    <row r="1350" spans="1:2" x14ac:dyDescent="0.4">
      <c r="A1350" t="s">
        <v>4501</v>
      </c>
      <c r="B1350" t="s">
        <v>4502</v>
      </c>
    </row>
    <row r="1351" spans="1:2" x14ac:dyDescent="0.4">
      <c r="A1351" t="s">
        <v>4503</v>
      </c>
      <c r="B1351" t="s">
        <v>4504</v>
      </c>
    </row>
    <row r="1352" spans="1:2" x14ac:dyDescent="0.4">
      <c r="A1352" t="s">
        <v>4505</v>
      </c>
      <c r="B1352" t="s">
        <v>4506</v>
      </c>
    </row>
    <row r="1353" spans="1:2" x14ac:dyDescent="0.4">
      <c r="A1353" t="s">
        <v>4507</v>
      </c>
      <c r="B1353" t="s">
        <v>4508</v>
      </c>
    </row>
    <row r="1354" spans="1:2" x14ac:dyDescent="0.4">
      <c r="A1354" t="s">
        <v>4509</v>
      </c>
      <c r="B1354" t="s">
        <v>4510</v>
      </c>
    </row>
    <row r="1355" spans="1:2" x14ac:dyDescent="0.4">
      <c r="A1355" t="s">
        <v>4511</v>
      </c>
      <c r="B1355" t="s">
        <v>4512</v>
      </c>
    </row>
    <row r="1356" spans="1:2" x14ac:dyDescent="0.4">
      <c r="A1356" t="s">
        <v>4513</v>
      </c>
      <c r="B1356" t="s">
        <v>4514</v>
      </c>
    </row>
    <row r="1357" spans="1:2" x14ac:dyDescent="0.4">
      <c r="A1357" t="s">
        <v>4515</v>
      </c>
      <c r="B1357" t="s">
        <v>4516</v>
      </c>
    </row>
    <row r="1358" spans="1:2" x14ac:dyDescent="0.4">
      <c r="A1358" t="s">
        <v>4517</v>
      </c>
      <c r="B1358" t="s">
        <v>4518</v>
      </c>
    </row>
    <row r="1359" spans="1:2" x14ac:dyDescent="0.4">
      <c r="A1359" t="s">
        <v>4519</v>
      </c>
      <c r="B1359" t="s">
        <v>4520</v>
      </c>
    </row>
    <row r="1360" spans="1:2" x14ac:dyDescent="0.4">
      <c r="A1360" t="s">
        <v>4521</v>
      </c>
      <c r="B1360" t="s">
        <v>4522</v>
      </c>
    </row>
    <row r="1361" spans="1:2" x14ac:dyDescent="0.4">
      <c r="A1361" t="s">
        <v>4523</v>
      </c>
      <c r="B1361" t="s">
        <v>4524</v>
      </c>
    </row>
    <row r="1362" spans="1:2" x14ac:dyDescent="0.4">
      <c r="A1362" t="s">
        <v>4525</v>
      </c>
      <c r="B1362" t="s">
        <v>4526</v>
      </c>
    </row>
    <row r="1363" spans="1:2" x14ac:dyDescent="0.4">
      <c r="A1363" t="s">
        <v>4527</v>
      </c>
      <c r="B1363" t="s">
        <v>4528</v>
      </c>
    </row>
    <row r="1364" spans="1:2" x14ac:dyDescent="0.4">
      <c r="A1364" t="s">
        <v>4529</v>
      </c>
      <c r="B1364" t="s">
        <v>4530</v>
      </c>
    </row>
    <row r="1365" spans="1:2" x14ac:dyDescent="0.4">
      <c r="A1365" t="s">
        <v>4531</v>
      </c>
      <c r="B1365" t="s">
        <v>4532</v>
      </c>
    </row>
    <row r="1366" spans="1:2" x14ac:dyDescent="0.4">
      <c r="A1366" t="s">
        <v>4533</v>
      </c>
      <c r="B1366" t="s">
        <v>4534</v>
      </c>
    </row>
    <row r="1367" spans="1:2" x14ac:dyDescent="0.4">
      <c r="A1367" t="s">
        <v>4535</v>
      </c>
      <c r="B1367" t="s">
        <v>4536</v>
      </c>
    </row>
    <row r="1368" spans="1:2" x14ac:dyDescent="0.4">
      <c r="A1368" t="s">
        <v>4537</v>
      </c>
      <c r="B1368" t="s">
        <v>4538</v>
      </c>
    </row>
    <row r="1369" spans="1:2" x14ac:dyDescent="0.4">
      <c r="A1369" t="s">
        <v>4539</v>
      </c>
      <c r="B1369" t="s">
        <v>4540</v>
      </c>
    </row>
    <row r="1370" spans="1:2" x14ac:dyDescent="0.4">
      <c r="A1370" t="s">
        <v>4541</v>
      </c>
      <c r="B1370" t="s">
        <v>4542</v>
      </c>
    </row>
    <row r="1371" spans="1:2" x14ac:dyDescent="0.4">
      <c r="A1371" t="s">
        <v>4543</v>
      </c>
      <c r="B1371" t="s">
        <v>4544</v>
      </c>
    </row>
    <row r="1372" spans="1:2" x14ac:dyDescent="0.4">
      <c r="A1372" t="s">
        <v>4545</v>
      </c>
      <c r="B1372" t="s">
        <v>4546</v>
      </c>
    </row>
    <row r="1373" spans="1:2" x14ac:dyDescent="0.4">
      <c r="A1373" t="s">
        <v>4547</v>
      </c>
      <c r="B1373" t="s">
        <v>4548</v>
      </c>
    </row>
    <row r="1374" spans="1:2" x14ac:dyDescent="0.4">
      <c r="A1374" t="s">
        <v>4549</v>
      </c>
      <c r="B1374" t="s">
        <v>4550</v>
      </c>
    </row>
    <row r="1375" spans="1:2" x14ac:dyDescent="0.4">
      <c r="A1375" t="s">
        <v>4551</v>
      </c>
      <c r="B1375" t="s">
        <v>4552</v>
      </c>
    </row>
    <row r="1376" spans="1:2" x14ac:dyDescent="0.4">
      <c r="A1376" t="s">
        <v>4553</v>
      </c>
      <c r="B1376" t="s">
        <v>4554</v>
      </c>
    </row>
    <row r="1377" spans="1:2" x14ac:dyDescent="0.4">
      <c r="A1377" t="s">
        <v>4555</v>
      </c>
      <c r="B1377" t="s">
        <v>4556</v>
      </c>
    </row>
    <row r="1378" spans="1:2" x14ac:dyDescent="0.4">
      <c r="A1378" t="s">
        <v>4557</v>
      </c>
      <c r="B1378" t="s">
        <v>4558</v>
      </c>
    </row>
    <row r="1379" spans="1:2" x14ac:dyDescent="0.4">
      <c r="A1379" t="s">
        <v>4559</v>
      </c>
      <c r="B1379" t="s">
        <v>4560</v>
      </c>
    </row>
    <row r="1380" spans="1:2" x14ac:dyDescent="0.4">
      <c r="A1380" t="s">
        <v>4561</v>
      </c>
      <c r="B1380" t="s">
        <v>4562</v>
      </c>
    </row>
    <row r="1381" spans="1:2" x14ac:dyDescent="0.4">
      <c r="A1381" t="s">
        <v>4563</v>
      </c>
      <c r="B1381" t="s">
        <v>4564</v>
      </c>
    </row>
    <row r="1382" spans="1:2" x14ac:dyDescent="0.4">
      <c r="A1382" t="s">
        <v>4565</v>
      </c>
      <c r="B1382" t="s">
        <v>4566</v>
      </c>
    </row>
    <row r="1383" spans="1:2" x14ac:dyDescent="0.4">
      <c r="A1383" t="s">
        <v>4567</v>
      </c>
      <c r="B1383" t="s">
        <v>4568</v>
      </c>
    </row>
    <row r="1384" spans="1:2" x14ac:dyDescent="0.4">
      <c r="A1384" t="s">
        <v>4569</v>
      </c>
      <c r="B1384" t="s">
        <v>4570</v>
      </c>
    </row>
    <row r="1385" spans="1:2" x14ac:dyDescent="0.4">
      <c r="A1385" t="s">
        <v>4571</v>
      </c>
      <c r="B1385" t="s">
        <v>4572</v>
      </c>
    </row>
    <row r="1386" spans="1:2" x14ac:dyDescent="0.4">
      <c r="A1386" t="s">
        <v>4573</v>
      </c>
      <c r="B1386" t="s">
        <v>4574</v>
      </c>
    </row>
    <row r="1387" spans="1:2" x14ac:dyDescent="0.4">
      <c r="A1387" t="s">
        <v>4575</v>
      </c>
      <c r="B1387" t="s">
        <v>4576</v>
      </c>
    </row>
    <row r="1388" spans="1:2" x14ac:dyDescent="0.4">
      <c r="A1388" t="s">
        <v>4577</v>
      </c>
      <c r="B1388" t="s">
        <v>4578</v>
      </c>
    </row>
    <row r="1389" spans="1:2" x14ac:dyDescent="0.4">
      <c r="A1389" t="s">
        <v>4579</v>
      </c>
      <c r="B1389" t="s">
        <v>4580</v>
      </c>
    </row>
    <row r="1390" spans="1:2" x14ac:dyDescent="0.4">
      <c r="A1390" t="s">
        <v>4581</v>
      </c>
      <c r="B1390" t="s">
        <v>4582</v>
      </c>
    </row>
    <row r="1391" spans="1:2" x14ac:dyDescent="0.4">
      <c r="A1391" t="s">
        <v>4583</v>
      </c>
      <c r="B1391" t="s">
        <v>4584</v>
      </c>
    </row>
    <row r="1392" spans="1:2" x14ac:dyDescent="0.4">
      <c r="A1392" t="s">
        <v>4585</v>
      </c>
      <c r="B1392" t="s">
        <v>4586</v>
      </c>
    </row>
    <row r="1393" spans="1:2" x14ac:dyDescent="0.4">
      <c r="A1393" t="s">
        <v>4587</v>
      </c>
      <c r="B1393" t="s">
        <v>4588</v>
      </c>
    </row>
    <row r="1394" spans="1:2" x14ac:dyDescent="0.4">
      <c r="A1394" t="s">
        <v>4589</v>
      </c>
      <c r="B1394" t="s">
        <v>4590</v>
      </c>
    </row>
    <row r="1395" spans="1:2" x14ac:dyDescent="0.4">
      <c r="A1395" t="s">
        <v>4591</v>
      </c>
      <c r="B1395" t="s">
        <v>4592</v>
      </c>
    </row>
    <row r="1396" spans="1:2" x14ac:dyDescent="0.4">
      <c r="A1396" t="s">
        <v>4593</v>
      </c>
      <c r="B1396" t="s">
        <v>4594</v>
      </c>
    </row>
    <row r="1397" spans="1:2" x14ac:dyDescent="0.4">
      <c r="A1397" t="s">
        <v>4595</v>
      </c>
      <c r="B1397" t="s">
        <v>4596</v>
      </c>
    </row>
    <row r="1398" spans="1:2" x14ac:dyDescent="0.4">
      <c r="A1398" t="s">
        <v>4597</v>
      </c>
      <c r="B1398" t="s">
        <v>4598</v>
      </c>
    </row>
    <row r="1399" spans="1:2" x14ac:dyDescent="0.4">
      <c r="A1399" t="s">
        <v>4599</v>
      </c>
      <c r="B1399" t="s">
        <v>4600</v>
      </c>
    </row>
    <row r="1400" spans="1:2" x14ac:dyDescent="0.4">
      <c r="A1400" t="s">
        <v>4601</v>
      </c>
      <c r="B1400" t="s">
        <v>4602</v>
      </c>
    </row>
    <row r="1401" spans="1:2" x14ac:dyDescent="0.4">
      <c r="A1401" t="s">
        <v>4603</v>
      </c>
      <c r="B1401" t="s">
        <v>4604</v>
      </c>
    </row>
    <row r="1402" spans="1:2" x14ac:dyDescent="0.4">
      <c r="A1402" t="s">
        <v>4605</v>
      </c>
      <c r="B1402" t="s">
        <v>4606</v>
      </c>
    </row>
    <row r="1403" spans="1:2" x14ac:dyDescent="0.4">
      <c r="A1403" t="s">
        <v>4607</v>
      </c>
      <c r="B1403" t="s">
        <v>4608</v>
      </c>
    </row>
    <row r="1404" spans="1:2" x14ac:dyDescent="0.4">
      <c r="A1404" t="s">
        <v>4609</v>
      </c>
      <c r="B1404" t="s">
        <v>4610</v>
      </c>
    </row>
    <row r="1405" spans="1:2" x14ac:dyDescent="0.4">
      <c r="A1405" t="s">
        <v>4611</v>
      </c>
      <c r="B1405" t="s">
        <v>4612</v>
      </c>
    </row>
    <row r="1406" spans="1:2" x14ac:dyDescent="0.4">
      <c r="A1406" t="s">
        <v>4613</v>
      </c>
      <c r="B1406" t="s">
        <v>4614</v>
      </c>
    </row>
    <row r="1407" spans="1:2" x14ac:dyDescent="0.4">
      <c r="A1407" t="s">
        <v>4615</v>
      </c>
      <c r="B1407" t="s">
        <v>4616</v>
      </c>
    </row>
    <row r="1408" spans="1:2" x14ac:dyDescent="0.4">
      <c r="A1408" t="s">
        <v>4617</v>
      </c>
      <c r="B1408" t="s">
        <v>4618</v>
      </c>
    </row>
    <row r="1409" spans="1:2" x14ac:dyDescent="0.4">
      <c r="A1409" t="s">
        <v>4619</v>
      </c>
      <c r="B1409" t="s">
        <v>4620</v>
      </c>
    </row>
    <row r="1410" spans="1:2" x14ac:dyDescent="0.4">
      <c r="A1410" t="s">
        <v>4621</v>
      </c>
      <c r="B1410" t="s">
        <v>4622</v>
      </c>
    </row>
    <row r="1411" spans="1:2" x14ac:dyDescent="0.4">
      <c r="A1411" t="s">
        <v>4623</v>
      </c>
      <c r="B1411" t="s">
        <v>4624</v>
      </c>
    </row>
    <row r="1412" spans="1:2" x14ac:dyDescent="0.4">
      <c r="A1412" t="s">
        <v>4625</v>
      </c>
      <c r="B1412" t="s">
        <v>4626</v>
      </c>
    </row>
    <row r="1413" spans="1:2" x14ac:dyDescent="0.4">
      <c r="A1413" t="s">
        <v>4627</v>
      </c>
      <c r="B1413" t="s">
        <v>4628</v>
      </c>
    </row>
    <row r="1414" spans="1:2" x14ac:dyDescent="0.4">
      <c r="A1414" t="s">
        <v>4629</v>
      </c>
      <c r="B1414" t="s">
        <v>4630</v>
      </c>
    </row>
    <row r="1415" spans="1:2" x14ac:dyDescent="0.4">
      <c r="A1415" t="s">
        <v>4631</v>
      </c>
      <c r="B1415" t="s">
        <v>4632</v>
      </c>
    </row>
    <row r="1416" spans="1:2" x14ac:dyDescent="0.4">
      <c r="A1416" t="s">
        <v>4633</v>
      </c>
      <c r="B1416" t="s">
        <v>4634</v>
      </c>
    </row>
    <row r="1417" spans="1:2" x14ac:dyDescent="0.4">
      <c r="A1417" t="s">
        <v>4635</v>
      </c>
      <c r="B1417" t="s">
        <v>4636</v>
      </c>
    </row>
    <row r="1418" spans="1:2" x14ac:dyDescent="0.4">
      <c r="A1418" t="s">
        <v>4637</v>
      </c>
      <c r="B1418" t="s">
        <v>4638</v>
      </c>
    </row>
    <row r="1419" spans="1:2" x14ac:dyDescent="0.4">
      <c r="A1419" t="s">
        <v>4639</v>
      </c>
      <c r="B1419" t="s">
        <v>4640</v>
      </c>
    </row>
    <row r="1420" spans="1:2" x14ac:dyDescent="0.4">
      <c r="A1420" t="s">
        <v>4641</v>
      </c>
      <c r="B1420" t="s">
        <v>4642</v>
      </c>
    </row>
    <row r="1421" spans="1:2" x14ac:dyDescent="0.4">
      <c r="A1421" t="s">
        <v>4643</v>
      </c>
      <c r="B1421" t="s">
        <v>4644</v>
      </c>
    </row>
    <row r="1422" spans="1:2" x14ac:dyDescent="0.4">
      <c r="A1422" t="s">
        <v>4645</v>
      </c>
      <c r="B1422" t="s">
        <v>4646</v>
      </c>
    </row>
    <row r="1423" spans="1:2" x14ac:dyDescent="0.4">
      <c r="A1423" t="s">
        <v>4647</v>
      </c>
      <c r="B1423" t="s">
        <v>4648</v>
      </c>
    </row>
    <row r="1424" spans="1:2" x14ac:dyDescent="0.4">
      <c r="A1424" t="s">
        <v>4649</v>
      </c>
      <c r="B1424" t="s">
        <v>4650</v>
      </c>
    </row>
    <row r="1425" spans="1:2" x14ac:dyDescent="0.4">
      <c r="A1425" t="s">
        <v>4651</v>
      </c>
      <c r="B1425" t="s">
        <v>4652</v>
      </c>
    </row>
    <row r="1426" spans="1:2" x14ac:dyDescent="0.4">
      <c r="A1426" t="s">
        <v>4653</v>
      </c>
      <c r="B1426" t="s">
        <v>4654</v>
      </c>
    </row>
    <row r="1427" spans="1:2" x14ac:dyDescent="0.4">
      <c r="A1427" t="s">
        <v>4655</v>
      </c>
      <c r="B1427" t="s">
        <v>4656</v>
      </c>
    </row>
    <row r="1428" spans="1:2" x14ac:dyDescent="0.4">
      <c r="A1428" t="s">
        <v>4657</v>
      </c>
      <c r="B1428" t="s">
        <v>4658</v>
      </c>
    </row>
    <row r="1429" spans="1:2" x14ac:dyDescent="0.4">
      <c r="A1429" t="s">
        <v>4659</v>
      </c>
      <c r="B1429" t="s">
        <v>4660</v>
      </c>
    </row>
    <row r="1430" spans="1:2" x14ac:dyDescent="0.4">
      <c r="A1430" t="s">
        <v>4661</v>
      </c>
      <c r="B1430" t="s">
        <v>4662</v>
      </c>
    </row>
    <row r="1431" spans="1:2" x14ac:dyDescent="0.4">
      <c r="A1431" t="s">
        <v>4663</v>
      </c>
      <c r="B1431" t="s">
        <v>4664</v>
      </c>
    </row>
    <row r="1432" spans="1:2" x14ac:dyDescent="0.4">
      <c r="A1432" t="s">
        <v>4665</v>
      </c>
      <c r="B1432" t="s">
        <v>4666</v>
      </c>
    </row>
    <row r="1433" spans="1:2" x14ac:dyDescent="0.4">
      <c r="A1433" t="s">
        <v>4667</v>
      </c>
      <c r="B1433" t="s">
        <v>4668</v>
      </c>
    </row>
    <row r="1434" spans="1:2" x14ac:dyDescent="0.4">
      <c r="A1434" t="s">
        <v>4669</v>
      </c>
      <c r="B1434" t="s">
        <v>4670</v>
      </c>
    </row>
    <row r="1435" spans="1:2" x14ac:dyDescent="0.4">
      <c r="A1435" t="s">
        <v>4671</v>
      </c>
      <c r="B1435" t="s">
        <v>4672</v>
      </c>
    </row>
    <row r="1436" spans="1:2" x14ac:dyDescent="0.4">
      <c r="A1436" t="s">
        <v>4673</v>
      </c>
      <c r="B1436" t="s">
        <v>4674</v>
      </c>
    </row>
    <row r="1437" spans="1:2" x14ac:dyDescent="0.4">
      <c r="A1437" t="s">
        <v>4675</v>
      </c>
      <c r="B1437" t="s">
        <v>4676</v>
      </c>
    </row>
    <row r="1438" spans="1:2" x14ac:dyDescent="0.4">
      <c r="A1438" t="s">
        <v>4677</v>
      </c>
      <c r="B1438" t="s">
        <v>4678</v>
      </c>
    </row>
    <row r="1439" spans="1:2" x14ac:dyDescent="0.4">
      <c r="A1439" t="s">
        <v>4679</v>
      </c>
      <c r="B1439" t="s">
        <v>4680</v>
      </c>
    </row>
    <row r="1440" spans="1:2" x14ac:dyDescent="0.4">
      <c r="A1440" t="s">
        <v>4681</v>
      </c>
      <c r="B1440" t="s">
        <v>4682</v>
      </c>
    </row>
    <row r="1441" spans="1:2" x14ac:dyDescent="0.4">
      <c r="A1441" t="s">
        <v>4683</v>
      </c>
      <c r="B1441" t="s">
        <v>4684</v>
      </c>
    </row>
    <row r="1442" spans="1:2" x14ac:dyDescent="0.4">
      <c r="A1442" t="s">
        <v>4685</v>
      </c>
      <c r="B1442" t="s">
        <v>4686</v>
      </c>
    </row>
    <row r="1443" spans="1:2" x14ac:dyDescent="0.4">
      <c r="A1443" t="s">
        <v>4687</v>
      </c>
      <c r="B1443" t="s">
        <v>4688</v>
      </c>
    </row>
    <row r="1444" spans="1:2" x14ac:dyDescent="0.4">
      <c r="A1444" t="s">
        <v>4689</v>
      </c>
      <c r="B1444" t="s">
        <v>4690</v>
      </c>
    </row>
    <row r="1445" spans="1:2" x14ac:dyDescent="0.4">
      <c r="A1445" t="s">
        <v>4691</v>
      </c>
      <c r="B1445" t="s">
        <v>4692</v>
      </c>
    </row>
    <row r="1446" spans="1:2" x14ac:dyDescent="0.4">
      <c r="A1446" t="s">
        <v>4693</v>
      </c>
      <c r="B1446" t="s">
        <v>4694</v>
      </c>
    </row>
    <row r="1447" spans="1:2" x14ac:dyDescent="0.4">
      <c r="A1447" t="s">
        <v>4695</v>
      </c>
      <c r="B1447" t="s">
        <v>4696</v>
      </c>
    </row>
    <row r="1448" spans="1:2" x14ac:dyDescent="0.4">
      <c r="A1448" t="s">
        <v>4697</v>
      </c>
      <c r="B1448" t="s">
        <v>4698</v>
      </c>
    </row>
    <row r="1449" spans="1:2" x14ac:dyDescent="0.4">
      <c r="A1449" t="s">
        <v>4699</v>
      </c>
      <c r="B1449" t="s">
        <v>4700</v>
      </c>
    </row>
    <row r="1450" spans="1:2" x14ac:dyDescent="0.4">
      <c r="A1450" t="s">
        <v>4701</v>
      </c>
      <c r="B1450" t="s">
        <v>4702</v>
      </c>
    </row>
    <row r="1451" spans="1:2" x14ac:dyDescent="0.4">
      <c r="A1451" t="s">
        <v>4703</v>
      </c>
      <c r="B1451" t="s">
        <v>4704</v>
      </c>
    </row>
    <row r="1452" spans="1:2" x14ac:dyDescent="0.4">
      <c r="A1452" t="s">
        <v>4705</v>
      </c>
      <c r="B1452" t="s">
        <v>4706</v>
      </c>
    </row>
    <row r="1453" spans="1:2" x14ac:dyDescent="0.4">
      <c r="A1453" t="s">
        <v>4707</v>
      </c>
      <c r="B1453" t="s">
        <v>4708</v>
      </c>
    </row>
    <row r="1454" spans="1:2" x14ac:dyDescent="0.4">
      <c r="A1454" t="s">
        <v>4709</v>
      </c>
      <c r="B1454" t="s">
        <v>4710</v>
      </c>
    </row>
    <row r="1455" spans="1:2" x14ac:dyDescent="0.4">
      <c r="A1455" t="s">
        <v>4711</v>
      </c>
      <c r="B1455" t="s">
        <v>4712</v>
      </c>
    </row>
    <row r="1456" spans="1:2" x14ac:dyDescent="0.4">
      <c r="A1456" t="s">
        <v>4713</v>
      </c>
      <c r="B1456" t="s">
        <v>4714</v>
      </c>
    </row>
    <row r="1457" spans="1:2" x14ac:dyDescent="0.4">
      <c r="A1457" t="s">
        <v>4715</v>
      </c>
      <c r="B1457" t="s">
        <v>4716</v>
      </c>
    </row>
    <row r="1458" spans="1:2" x14ac:dyDescent="0.4">
      <c r="A1458" t="s">
        <v>4717</v>
      </c>
      <c r="B1458" t="s">
        <v>4718</v>
      </c>
    </row>
    <row r="1459" spans="1:2" x14ac:dyDescent="0.4">
      <c r="A1459" t="s">
        <v>4719</v>
      </c>
      <c r="B1459" t="s">
        <v>4720</v>
      </c>
    </row>
    <row r="1460" spans="1:2" x14ac:dyDescent="0.4">
      <c r="A1460" t="s">
        <v>4721</v>
      </c>
      <c r="B1460" t="s">
        <v>4722</v>
      </c>
    </row>
    <row r="1461" spans="1:2" x14ac:dyDescent="0.4">
      <c r="A1461" t="s">
        <v>4723</v>
      </c>
      <c r="B1461" t="s">
        <v>4724</v>
      </c>
    </row>
    <row r="1462" spans="1:2" x14ac:dyDescent="0.4">
      <c r="A1462" t="s">
        <v>4725</v>
      </c>
      <c r="B1462" t="s">
        <v>4726</v>
      </c>
    </row>
    <row r="1463" spans="1:2" x14ac:dyDescent="0.4">
      <c r="A1463" t="s">
        <v>4727</v>
      </c>
      <c r="B1463" t="s">
        <v>4728</v>
      </c>
    </row>
    <row r="1464" spans="1:2" x14ac:dyDescent="0.4">
      <c r="A1464" t="s">
        <v>4729</v>
      </c>
      <c r="B1464" t="s">
        <v>4730</v>
      </c>
    </row>
    <row r="1465" spans="1:2" x14ac:dyDescent="0.4">
      <c r="A1465" t="s">
        <v>4731</v>
      </c>
      <c r="B1465" t="s">
        <v>4732</v>
      </c>
    </row>
    <row r="1466" spans="1:2" x14ac:dyDescent="0.4">
      <c r="A1466" t="s">
        <v>4733</v>
      </c>
      <c r="B1466" t="s">
        <v>4734</v>
      </c>
    </row>
    <row r="1467" spans="1:2" x14ac:dyDescent="0.4">
      <c r="A1467" t="s">
        <v>4735</v>
      </c>
      <c r="B1467" t="s">
        <v>4736</v>
      </c>
    </row>
    <row r="1468" spans="1:2" x14ac:dyDescent="0.4">
      <c r="A1468" t="s">
        <v>4737</v>
      </c>
      <c r="B1468" t="s">
        <v>4738</v>
      </c>
    </row>
    <row r="1469" spans="1:2" x14ac:dyDescent="0.4">
      <c r="A1469" t="s">
        <v>4739</v>
      </c>
      <c r="B1469" t="s">
        <v>4740</v>
      </c>
    </row>
    <row r="1470" spans="1:2" x14ac:dyDescent="0.4">
      <c r="A1470" t="s">
        <v>4741</v>
      </c>
      <c r="B1470" t="s">
        <v>4742</v>
      </c>
    </row>
    <row r="1471" spans="1:2" x14ac:dyDescent="0.4">
      <c r="A1471" t="s">
        <v>4743</v>
      </c>
      <c r="B1471" t="s">
        <v>4744</v>
      </c>
    </row>
    <row r="1472" spans="1:2" x14ac:dyDescent="0.4">
      <c r="A1472" t="s">
        <v>4745</v>
      </c>
      <c r="B1472" t="s">
        <v>4746</v>
      </c>
    </row>
    <row r="1473" spans="1:2" x14ac:dyDescent="0.4">
      <c r="A1473" t="s">
        <v>4747</v>
      </c>
      <c r="B1473" t="s">
        <v>4748</v>
      </c>
    </row>
    <row r="1474" spans="1:2" x14ac:dyDescent="0.4">
      <c r="A1474" t="s">
        <v>4749</v>
      </c>
      <c r="B1474" t="s">
        <v>4750</v>
      </c>
    </row>
    <row r="1475" spans="1:2" x14ac:dyDescent="0.4">
      <c r="A1475" t="s">
        <v>4751</v>
      </c>
      <c r="B1475" t="s">
        <v>4752</v>
      </c>
    </row>
    <row r="1476" spans="1:2" x14ac:dyDescent="0.4">
      <c r="A1476" t="s">
        <v>4753</v>
      </c>
      <c r="B1476" t="s">
        <v>4754</v>
      </c>
    </row>
    <row r="1477" spans="1:2" x14ac:dyDescent="0.4">
      <c r="A1477" t="s">
        <v>4755</v>
      </c>
      <c r="B1477" t="s">
        <v>4756</v>
      </c>
    </row>
    <row r="1478" spans="1:2" x14ac:dyDescent="0.4">
      <c r="A1478" t="s">
        <v>4757</v>
      </c>
      <c r="B1478" t="s">
        <v>4758</v>
      </c>
    </row>
    <row r="1479" spans="1:2" x14ac:dyDescent="0.4">
      <c r="A1479" t="s">
        <v>4759</v>
      </c>
      <c r="B1479" t="s">
        <v>4760</v>
      </c>
    </row>
    <row r="1480" spans="1:2" x14ac:dyDescent="0.4">
      <c r="A1480" t="s">
        <v>4761</v>
      </c>
      <c r="B1480" t="s">
        <v>4762</v>
      </c>
    </row>
    <row r="1481" spans="1:2" x14ac:dyDescent="0.4">
      <c r="A1481" t="s">
        <v>4763</v>
      </c>
      <c r="B1481" t="s">
        <v>4764</v>
      </c>
    </row>
    <row r="1482" spans="1:2" x14ac:dyDescent="0.4">
      <c r="A1482" t="s">
        <v>4765</v>
      </c>
      <c r="B1482" t="s">
        <v>4766</v>
      </c>
    </row>
    <row r="1483" spans="1:2" x14ac:dyDescent="0.4">
      <c r="A1483" t="s">
        <v>4767</v>
      </c>
      <c r="B1483" t="s">
        <v>4768</v>
      </c>
    </row>
    <row r="1484" spans="1:2" x14ac:dyDescent="0.4">
      <c r="A1484" t="s">
        <v>4769</v>
      </c>
      <c r="B1484" t="s">
        <v>4770</v>
      </c>
    </row>
    <row r="1485" spans="1:2" x14ac:dyDescent="0.4">
      <c r="A1485" t="s">
        <v>4771</v>
      </c>
      <c r="B1485" t="s">
        <v>4772</v>
      </c>
    </row>
    <row r="1486" spans="1:2" x14ac:dyDescent="0.4">
      <c r="A1486" t="s">
        <v>4773</v>
      </c>
      <c r="B1486" t="s">
        <v>4774</v>
      </c>
    </row>
    <row r="1487" spans="1:2" x14ac:dyDescent="0.4">
      <c r="A1487" t="s">
        <v>4775</v>
      </c>
      <c r="B1487" t="s">
        <v>4776</v>
      </c>
    </row>
    <row r="1488" spans="1:2" x14ac:dyDescent="0.4">
      <c r="A1488" t="s">
        <v>4777</v>
      </c>
      <c r="B1488" t="s">
        <v>4778</v>
      </c>
    </row>
    <row r="1489" spans="1:2" x14ac:dyDescent="0.4">
      <c r="A1489" t="s">
        <v>4779</v>
      </c>
      <c r="B1489" t="s">
        <v>4780</v>
      </c>
    </row>
    <row r="1490" spans="1:2" x14ac:dyDescent="0.4">
      <c r="A1490" t="s">
        <v>4781</v>
      </c>
      <c r="B1490" t="s">
        <v>4782</v>
      </c>
    </row>
    <row r="1491" spans="1:2" x14ac:dyDescent="0.4">
      <c r="A1491" t="s">
        <v>4783</v>
      </c>
      <c r="B1491" t="s">
        <v>4784</v>
      </c>
    </row>
    <row r="1492" spans="1:2" x14ac:dyDescent="0.4">
      <c r="A1492" t="s">
        <v>4785</v>
      </c>
      <c r="B1492" t="s">
        <v>4786</v>
      </c>
    </row>
    <row r="1493" spans="1:2" x14ac:dyDescent="0.4">
      <c r="A1493" t="s">
        <v>4787</v>
      </c>
      <c r="B1493" t="s">
        <v>4788</v>
      </c>
    </row>
    <row r="1494" spans="1:2" x14ac:dyDescent="0.4">
      <c r="A1494" t="s">
        <v>4789</v>
      </c>
      <c r="B1494" t="s">
        <v>4790</v>
      </c>
    </row>
    <row r="1495" spans="1:2" x14ac:dyDescent="0.4">
      <c r="A1495" t="s">
        <v>4791</v>
      </c>
      <c r="B1495" t="s">
        <v>4792</v>
      </c>
    </row>
    <row r="1496" spans="1:2" x14ac:dyDescent="0.4">
      <c r="A1496" t="s">
        <v>4793</v>
      </c>
      <c r="B1496" t="s">
        <v>4794</v>
      </c>
    </row>
    <row r="1497" spans="1:2" x14ac:dyDescent="0.4">
      <c r="A1497" t="s">
        <v>4795</v>
      </c>
      <c r="B1497" t="s">
        <v>4796</v>
      </c>
    </row>
    <row r="1498" spans="1:2" x14ac:dyDescent="0.4">
      <c r="A1498" t="s">
        <v>4797</v>
      </c>
      <c r="B1498" t="s">
        <v>4798</v>
      </c>
    </row>
    <row r="1499" spans="1:2" x14ac:dyDescent="0.4">
      <c r="A1499" t="s">
        <v>4799</v>
      </c>
      <c r="B1499" t="s">
        <v>4800</v>
      </c>
    </row>
    <row r="1500" spans="1:2" x14ac:dyDescent="0.4">
      <c r="A1500" t="s">
        <v>4801</v>
      </c>
      <c r="B1500" t="s">
        <v>4802</v>
      </c>
    </row>
    <row r="1501" spans="1:2" x14ac:dyDescent="0.4">
      <c r="A1501" t="s">
        <v>4803</v>
      </c>
      <c r="B1501" t="s">
        <v>4804</v>
      </c>
    </row>
    <row r="1502" spans="1:2" x14ac:dyDescent="0.4">
      <c r="A1502" t="s">
        <v>4805</v>
      </c>
      <c r="B1502" t="s">
        <v>4806</v>
      </c>
    </row>
    <row r="1503" spans="1:2" x14ac:dyDescent="0.4">
      <c r="A1503" t="s">
        <v>4807</v>
      </c>
      <c r="B1503" t="s">
        <v>4808</v>
      </c>
    </row>
    <row r="1504" spans="1:2" x14ac:dyDescent="0.4">
      <c r="A1504" t="s">
        <v>4809</v>
      </c>
      <c r="B1504" t="s">
        <v>4810</v>
      </c>
    </row>
    <row r="1505" spans="1:2" x14ac:dyDescent="0.4">
      <c r="A1505" t="s">
        <v>4811</v>
      </c>
      <c r="B1505" t="s">
        <v>4812</v>
      </c>
    </row>
    <row r="1506" spans="1:2" x14ac:dyDescent="0.4">
      <c r="A1506" t="s">
        <v>4813</v>
      </c>
      <c r="B1506" t="s">
        <v>4814</v>
      </c>
    </row>
    <row r="1507" spans="1:2" x14ac:dyDescent="0.4">
      <c r="A1507" t="s">
        <v>4815</v>
      </c>
      <c r="B1507" t="s">
        <v>4816</v>
      </c>
    </row>
    <row r="1508" spans="1:2" x14ac:dyDescent="0.4">
      <c r="A1508" t="s">
        <v>4817</v>
      </c>
      <c r="B1508" t="s">
        <v>4818</v>
      </c>
    </row>
    <row r="1509" spans="1:2" x14ac:dyDescent="0.4">
      <c r="A1509" t="s">
        <v>4819</v>
      </c>
      <c r="B1509" t="s">
        <v>4820</v>
      </c>
    </row>
    <row r="1510" spans="1:2" x14ac:dyDescent="0.4">
      <c r="A1510" t="s">
        <v>4821</v>
      </c>
      <c r="B1510" t="s">
        <v>4822</v>
      </c>
    </row>
    <row r="1511" spans="1:2" x14ac:dyDescent="0.4">
      <c r="A1511" t="s">
        <v>4823</v>
      </c>
      <c r="B1511" t="s">
        <v>4824</v>
      </c>
    </row>
    <row r="1512" spans="1:2" x14ac:dyDescent="0.4">
      <c r="A1512" t="s">
        <v>4825</v>
      </c>
      <c r="B1512" t="s">
        <v>4826</v>
      </c>
    </row>
    <row r="1513" spans="1:2" x14ac:dyDescent="0.4">
      <c r="A1513" t="s">
        <v>4827</v>
      </c>
      <c r="B1513" t="s">
        <v>4828</v>
      </c>
    </row>
    <row r="1514" spans="1:2" x14ac:dyDescent="0.4">
      <c r="A1514" t="s">
        <v>4829</v>
      </c>
      <c r="B1514" t="s">
        <v>4830</v>
      </c>
    </row>
    <row r="1515" spans="1:2" x14ac:dyDescent="0.4">
      <c r="A1515" t="s">
        <v>4831</v>
      </c>
      <c r="B1515" t="s">
        <v>4832</v>
      </c>
    </row>
    <row r="1516" spans="1:2" x14ac:dyDescent="0.4">
      <c r="A1516" t="s">
        <v>4833</v>
      </c>
      <c r="B1516" t="s">
        <v>4834</v>
      </c>
    </row>
    <row r="1517" spans="1:2" x14ac:dyDescent="0.4">
      <c r="A1517" t="s">
        <v>4835</v>
      </c>
      <c r="B1517" t="s">
        <v>4836</v>
      </c>
    </row>
    <row r="1518" spans="1:2" x14ac:dyDescent="0.4">
      <c r="A1518" t="s">
        <v>4837</v>
      </c>
      <c r="B1518" t="s">
        <v>4838</v>
      </c>
    </row>
    <row r="1519" spans="1:2" x14ac:dyDescent="0.4">
      <c r="A1519" t="s">
        <v>4839</v>
      </c>
      <c r="B1519" t="s">
        <v>4840</v>
      </c>
    </row>
    <row r="1520" spans="1:2" x14ac:dyDescent="0.4">
      <c r="A1520" t="s">
        <v>4841</v>
      </c>
      <c r="B1520" t="s">
        <v>4842</v>
      </c>
    </row>
    <row r="1521" spans="1:2" x14ac:dyDescent="0.4">
      <c r="A1521" t="s">
        <v>4843</v>
      </c>
      <c r="B1521" t="s">
        <v>4844</v>
      </c>
    </row>
    <row r="1522" spans="1:2" x14ac:dyDescent="0.4">
      <c r="A1522" t="s">
        <v>4845</v>
      </c>
      <c r="B1522" t="s">
        <v>4846</v>
      </c>
    </row>
    <row r="1523" spans="1:2" x14ac:dyDescent="0.4">
      <c r="A1523" t="s">
        <v>4847</v>
      </c>
      <c r="B1523" t="s">
        <v>4848</v>
      </c>
    </row>
    <row r="1524" spans="1:2" x14ac:dyDescent="0.4">
      <c r="A1524" t="s">
        <v>4849</v>
      </c>
      <c r="B1524" t="s">
        <v>4850</v>
      </c>
    </row>
    <row r="1525" spans="1:2" x14ac:dyDescent="0.4">
      <c r="A1525" t="s">
        <v>4851</v>
      </c>
      <c r="B1525" t="s">
        <v>4852</v>
      </c>
    </row>
    <row r="1526" spans="1:2" x14ac:dyDescent="0.4">
      <c r="A1526" t="s">
        <v>4853</v>
      </c>
      <c r="B1526" t="s">
        <v>4854</v>
      </c>
    </row>
    <row r="1527" spans="1:2" x14ac:dyDescent="0.4">
      <c r="A1527" t="s">
        <v>4855</v>
      </c>
      <c r="B1527" t="s">
        <v>4856</v>
      </c>
    </row>
    <row r="1528" spans="1:2" x14ac:dyDescent="0.4">
      <c r="A1528" t="s">
        <v>4857</v>
      </c>
      <c r="B1528" t="s">
        <v>4858</v>
      </c>
    </row>
    <row r="1529" spans="1:2" x14ac:dyDescent="0.4">
      <c r="A1529" t="s">
        <v>4859</v>
      </c>
      <c r="B1529" t="s">
        <v>4860</v>
      </c>
    </row>
    <row r="1530" spans="1:2" x14ac:dyDescent="0.4">
      <c r="A1530" t="s">
        <v>4861</v>
      </c>
      <c r="B1530" t="s">
        <v>4862</v>
      </c>
    </row>
    <row r="1531" spans="1:2" x14ac:dyDescent="0.4">
      <c r="A1531" t="s">
        <v>4863</v>
      </c>
      <c r="B1531" t="s">
        <v>4864</v>
      </c>
    </row>
    <row r="1532" spans="1:2" x14ac:dyDescent="0.4">
      <c r="A1532" t="s">
        <v>4865</v>
      </c>
      <c r="B1532" t="s">
        <v>4866</v>
      </c>
    </row>
    <row r="1533" spans="1:2" x14ac:dyDescent="0.4">
      <c r="A1533" t="s">
        <v>4867</v>
      </c>
      <c r="B1533" t="s">
        <v>4868</v>
      </c>
    </row>
    <row r="1534" spans="1:2" x14ac:dyDescent="0.4">
      <c r="A1534" t="s">
        <v>4869</v>
      </c>
      <c r="B1534" t="s">
        <v>4870</v>
      </c>
    </row>
    <row r="1535" spans="1:2" x14ac:dyDescent="0.4">
      <c r="A1535" t="s">
        <v>4871</v>
      </c>
      <c r="B1535" t="s">
        <v>4872</v>
      </c>
    </row>
    <row r="1536" spans="1:2" x14ac:dyDescent="0.4">
      <c r="A1536" t="s">
        <v>4873</v>
      </c>
      <c r="B1536" t="s">
        <v>4874</v>
      </c>
    </row>
    <row r="1537" spans="1:2" x14ac:dyDescent="0.4">
      <c r="A1537" t="s">
        <v>4875</v>
      </c>
      <c r="B1537" t="s">
        <v>4876</v>
      </c>
    </row>
    <row r="1538" spans="1:2" x14ac:dyDescent="0.4">
      <c r="A1538" t="s">
        <v>4877</v>
      </c>
      <c r="B1538" t="s">
        <v>4878</v>
      </c>
    </row>
    <row r="1539" spans="1:2" x14ac:dyDescent="0.4">
      <c r="A1539" t="s">
        <v>4879</v>
      </c>
      <c r="B1539" t="s">
        <v>4880</v>
      </c>
    </row>
    <row r="1540" spans="1:2" x14ac:dyDescent="0.4">
      <c r="A1540" t="s">
        <v>4881</v>
      </c>
      <c r="B1540" t="s">
        <v>4882</v>
      </c>
    </row>
    <row r="1541" spans="1:2" x14ac:dyDescent="0.4">
      <c r="A1541" t="s">
        <v>4883</v>
      </c>
      <c r="B1541" t="s">
        <v>4884</v>
      </c>
    </row>
    <row r="1542" spans="1:2" x14ac:dyDescent="0.4">
      <c r="A1542" t="s">
        <v>4885</v>
      </c>
      <c r="B1542" t="s">
        <v>4886</v>
      </c>
    </row>
    <row r="1543" spans="1:2" x14ac:dyDescent="0.4">
      <c r="A1543" t="s">
        <v>4887</v>
      </c>
      <c r="B1543" t="s">
        <v>4888</v>
      </c>
    </row>
    <row r="1544" spans="1:2" x14ac:dyDescent="0.4">
      <c r="A1544" t="s">
        <v>4889</v>
      </c>
      <c r="B1544" t="s">
        <v>4890</v>
      </c>
    </row>
    <row r="1545" spans="1:2" x14ac:dyDescent="0.4">
      <c r="A1545" t="s">
        <v>4891</v>
      </c>
      <c r="B1545" t="s">
        <v>4892</v>
      </c>
    </row>
    <row r="1546" spans="1:2" x14ac:dyDescent="0.4">
      <c r="A1546" t="s">
        <v>4893</v>
      </c>
      <c r="B1546" t="s">
        <v>4894</v>
      </c>
    </row>
    <row r="1547" spans="1:2" x14ac:dyDescent="0.4">
      <c r="A1547" t="s">
        <v>4895</v>
      </c>
      <c r="B1547" t="s">
        <v>4896</v>
      </c>
    </row>
    <row r="1548" spans="1:2" x14ac:dyDescent="0.4">
      <c r="A1548" t="s">
        <v>4897</v>
      </c>
      <c r="B1548" t="s">
        <v>4898</v>
      </c>
    </row>
    <row r="1549" spans="1:2" x14ac:dyDescent="0.4">
      <c r="A1549" t="s">
        <v>4899</v>
      </c>
      <c r="B1549" t="s">
        <v>4900</v>
      </c>
    </row>
    <row r="1550" spans="1:2" x14ac:dyDescent="0.4">
      <c r="A1550" t="s">
        <v>4901</v>
      </c>
      <c r="B1550" t="s">
        <v>4902</v>
      </c>
    </row>
    <row r="1551" spans="1:2" x14ac:dyDescent="0.4">
      <c r="A1551" t="s">
        <v>4903</v>
      </c>
      <c r="B1551" t="s">
        <v>4904</v>
      </c>
    </row>
    <row r="1552" spans="1:2" x14ac:dyDescent="0.4">
      <c r="A1552" t="s">
        <v>4905</v>
      </c>
      <c r="B1552" t="s">
        <v>4906</v>
      </c>
    </row>
    <row r="1553" spans="1:2" x14ac:dyDescent="0.4">
      <c r="A1553" t="s">
        <v>4907</v>
      </c>
      <c r="B1553" t="s">
        <v>4908</v>
      </c>
    </row>
    <row r="1554" spans="1:2" x14ac:dyDescent="0.4">
      <c r="A1554" t="s">
        <v>4909</v>
      </c>
      <c r="B1554" t="s">
        <v>4910</v>
      </c>
    </row>
    <row r="1555" spans="1:2" x14ac:dyDescent="0.4">
      <c r="A1555" t="s">
        <v>4911</v>
      </c>
      <c r="B1555" t="s">
        <v>4912</v>
      </c>
    </row>
    <row r="1556" spans="1:2" x14ac:dyDescent="0.4">
      <c r="A1556" t="s">
        <v>4913</v>
      </c>
      <c r="B1556" t="s">
        <v>4914</v>
      </c>
    </row>
    <row r="1557" spans="1:2" x14ac:dyDescent="0.4">
      <c r="A1557" t="s">
        <v>4915</v>
      </c>
      <c r="B1557" t="s">
        <v>4916</v>
      </c>
    </row>
    <row r="1558" spans="1:2" x14ac:dyDescent="0.4">
      <c r="A1558" t="s">
        <v>4917</v>
      </c>
      <c r="B1558" t="s">
        <v>4918</v>
      </c>
    </row>
    <row r="1559" spans="1:2" x14ac:dyDescent="0.4">
      <c r="A1559" t="s">
        <v>4919</v>
      </c>
      <c r="B1559" t="s">
        <v>4920</v>
      </c>
    </row>
    <row r="1560" spans="1:2" x14ac:dyDescent="0.4">
      <c r="A1560" t="s">
        <v>4921</v>
      </c>
      <c r="B1560" t="s">
        <v>4922</v>
      </c>
    </row>
    <row r="1561" spans="1:2" x14ac:dyDescent="0.4">
      <c r="A1561" t="s">
        <v>4923</v>
      </c>
      <c r="B1561" t="s">
        <v>4924</v>
      </c>
    </row>
    <row r="1562" spans="1:2" x14ac:dyDescent="0.4">
      <c r="A1562" t="s">
        <v>4925</v>
      </c>
      <c r="B1562" t="s">
        <v>4926</v>
      </c>
    </row>
    <row r="1563" spans="1:2" x14ac:dyDescent="0.4">
      <c r="A1563" t="s">
        <v>4927</v>
      </c>
      <c r="B1563" t="s">
        <v>4928</v>
      </c>
    </row>
    <row r="1564" spans="1:2" x14ac:dyDescent="0.4">
      <c r="A1564" t="s">
        <v>4929</v>
      </c>
      <c r="B1564" t="s">
        <v>4930</v>
      </c>
    </row>
    <row r="1565" spans="1:2" x14ac:dyDescent="0.4">
      <c r="A1565" t="s">
        <v>4931</v>
      </c>
      <c r="B1565" t="s">
        <v>4932</v>
      </c>
    </row>
    <row r="1566" spans="1:2" x14ac:dyDescent="0.4">
      <c r="A1566" t="s">
        <v>4933</v>
      </c>
      <c r="B1566" t="s">
        <v>4934</v>
      </c>
    </row>
    <row r="1567" spans="1:2" x14ac:dyDescent="0.4">
      <c r="A1567" t="s">
        <v>4935</v>
      </c>
      <c r="B1567" t="s">
        <v>4936</v>
      </c>
    </row>
    <row r="1568" spans="1:2" x14ac:dyDescent="0.4">
      <c r="A1568" t="s">
        <v>4937</v>
      </c>
      <c r="B1568" t="s">
        <v>4938</v>
      </c>
    </row>
    <row r="1569" spans="1:2" x14ac:dyDescent="0.4">
      <c r="A1569" t="s">
        <v>4939</v>
      </c>
      <c r="B1569" t="s">
        <v>4940</v>
      </c>
    </row>
    <row r="1570" spans="1:2" x14ac:dyDescent="0.4">
      <c r="A1570" t="s">
        <v>4941</v>
      </c>
      <c r="B1570" t="s">
        <v>4942</v>
      </c>
    </row>
    <row r="1571" spans="1:2" x14ac:dyDescent="0.4">
      <c r="A1571" t="s">
        <v>4943</v>
      </c>
      <c r="B1571" t="s">
        <v>4944</v>
      </c>
    </row>
    <row r="1572" spans="1:2" x14ac:dyDescent="0.4">
      <c r="A1572" t="s">
        <v>4945</v>
      </c>
      <c r="B1572" t="s">
        <v>4946</v>
      </c>
    </row>
    <row r="1573" spans="1:2" x14ac:dyDescent="0.4">
      <c r="A1573" t="s">
        <v>4947</v>
      </c>
      <c r="B1573" t="s">
        <v>4948</v>
      </c>
    </row>
    <row r="1574" spans="1:2" x14ac:dyDescent="0.4">
      <c r="A1574" t="s">
        <v>4949</v>
      </c>
      <c r="B1574" t="s">
        <v>4950</v>
      </c>
    </row>
    <row r="1575" spans="1:2" x14ac:dyDescent="0.4">
      <c r="A1575" t="s">
        <v>4951</v>
      </c>
      <c r="B1575" t="s">
        <v>4952</v>
      </c>
    </row>
    <row r="1576" spans="1:2" x14ac:dyDescent="0.4">
      <c r="A1576" t="s">
        <v>4953</v>
      </c>
      <c r="B1576" t="s">
        <v>4954</v>
      </c>
    </row>
    <row r="1577" spans="1:2" x14ac:dyDescent="0.4">
      <c r="A1577" t="s">
        <v>4955</v>
      </c>
      <c r="B1577" t="s">
        <v>4956</v>
      </c>
    </row>
    <row r="1578" spans="1:2" x14ac:dyDescent="0.4">
      <c r="A1578" t="s">
        <v>4957</v>
      </c>
      <c r="B1578" t="s">
        <v>4958</v>
      </c>
    </row>
    <row r="1579" spans="1:2" x14ac:dyDescent="0.4">
      <c r="A1579" t="s">
        <v>4959</v>
      </c>
      <c r="B1579" t="s">
        <v>4960</v>
      </c>
    </row>
    <row r="1580" spans="1:2" x14ac:dyDescent="0.4">
      <c r="A1580" t="s">
        <v>4961</v>
      </c>
      <c r="B1580" t="s">
        <v>4962</v>
      </c>
    </row>
    <row r="1581" spans="1:2" x14ac:dyDescent="0.4">
      <c r="A1581" t="s">
        <v>4963</v>
      </c>
      <c r="B1581" t="s">
        <v>4964</v>
      </c>
    </row>
    <row r="1582" spans="1:2" x14ac:dyDescent="0.4">
      <c r="A1582" t="s">
        <v>4965</v>
      </c>
      <c r="B1582" t="s">
        <v>4966</v>
      </c>
    </row>
    <row r="1583" spans="1:2" x14ac:dyDescent="0.4">
      <c r="A1583" t="s">
        <v>4967</v>
      </c>
      <c r="B1583" t="s">
        <v>4968</v>
      </c>
    </row>
    <row r="1584" spans="1:2" x14ac:dyDescent="0.4">
      <c r="A1584" t="s">
        <v>4969</v>
      </c>
      <c r="B1584" t="s">
        <v>4970</v>
      </c>
    </row>
    <row r="1585" spans="1:2" x14ac:dyDescent="0.4">
      <c r="A1585" t="s">
        <v>4971</v>
      </c>
      <c r="B1585" t="s">
        <v>4972</v>
      </c>
    </row>
    <row r="1586" spans="1:2" x14ac:dyDescent="0.4">
      <c r="A1586" t="s">
        <v>4973</v>
      </c>
      <c r="B1586" t="s">
        <v>4974</v>
      </c>
    </row>
    <row r="1587" spans="1:2" x14ac:dyDescent="0.4">
      <c r="A1587" t="s">
        <v>4975</v>
      </c>
      <c r="B1587" t="s">
        <v>4976</v>
      </c>
    </row>
    <row r="1588" spans="1:2" x14ac:dyDescent="0.4">
      <c r="A1588" t="s">
        <v>4977</v>
      </c>
      <c r="B1588" t="s">
        <v>4978</v>
      </c>
    </row>
    <row r="1589" spans="1:2" x14ac:dyDescent="0.4">
      <c r="A1589" t="s">
        <v>4979</v>
      </c>
      <c r="B1589" t="s">
        <v>4980</v>
      </c>
    </row>
    <row r="1590" spans="1:2" x14ac:dyDescent="0.4">
      <c r="A1590" t="s">
        <v>4981</v>
      </c>
      <c r="B1590" t="s">
        <v>4982</v>
      </c>
    </row>
    <row r="1591" spans="1:2" x14ac:dyDescent="0.4">
      <c r="A1591" t="s">
        <v>4983</v>
      </c>
      <c r="B1591" t="s">
        <v>4984</v>
      </c>
    </row>
    <row r="1592" spans="1:2" x14ac:dyDescent="0.4">
      <c r="A1592" t="s">
        <v>4985</v>
      </c>
      <c r="B1592" t="s">
        <v>4986</v>
      </c>
    </row>
    <row r="1593" spans="1:2" x14ac:dyDescent="0.4">
      <c r="A1593" t="s">
        <v>4987</v>
      </c>
      <c r="B1593" t="s">
        <v>4988</v>
      </c>
    </row>
    <row r="1594" spans="1:2" x14ac:dyDescent="0.4">
      <c r="A1594" t="s">
        <v>4989</v>
      </c>
      <c r="B1594" t="s">
        <v>4990</v>
      </c>
    </row>
    <row r="1595" spans="1:2" x14ac:dyDescent="0.4">
      <c r="A1595" t="s">
        <v>4991</v>
      </c>
      <c r="B1595" t="s">
        <v>4992</v>
      </c>
    </row>
    <row r="1596" spans="1:2" x14ac:dyDescent="0.4">
      <c r="A1596" t="s">
        <v>4993</v>
      </c>
      <c r="B1596" t="s">
        <v>4994</v>
      </c>
    </row>
    <row r="1597" spans="1:2" x14ac:dyDescent="0.4">
      <c r="A1597" t="s">
        <v>4995</v>
      </c>
      <c r="B1597" t="s">
        <v>4996</v>
      </c>
    </row>
    <row r="1598" spans="1:2" x14ac:dyDescent="0.4">
      <c r="A1598" t="s">
        <v>4997</v>
      </c>
      <c r="B1598" t="s">
        <v>4998</v>
      </c>
    </row>
    <row r="1599" spans="1:2" x14ac:dyDescent="0.4">
      <c r="A1599" t="s">
        <v>4999</v>
      </c>
      <c r="B1599" t="s">
        <v>5000</v>
      </c>
    </row>
    <row r="1600" spans="1:2" x14ac:dyDescent="0.4">
      <c r="A1600" t="s">
        <v>5001</v>
      </c>
      <c r="B1600" t="s">
        <v>5002</v>
      </c>
    </row>
    <row r="1601" spans="1:2" x14ac:dyDescent="0.4">
      <c r="A1601" t="s">
        <v>5003</v>
      </c>
      <c r="B1601" t="s">
        <v>5004</v>
      </c>
    </row>
    <row r="1602" spans="1:2" x14ac:dyDescent="0.4">
      <c r="A1602" t="s">
        <v>5005</v>
      </c>
      <c r="B1602" t="s">
        <v>5006</v>
      </c>
    </row>
    <row r="1603" spans="1:2" x14ac:dyDescent="0.4">
      <c r="A1603" t="s">
        <v>5007</v>
      </c>
      <c r="B1603" t="s">
        <v>5008</v>
      </c>
    </row>
    <row r="1604" spans="1:2" x14ac:dyDescent="0.4">
      <c r="A1604" t="s">
        <v>5009</v>
      </c>
      <c r="B1604" t="s">
        <v>5010</v>
      </c>
    </row>
    <row r="1605" spans="1:2" x14ac:dyDescent="0.4">
      <c r="A1605" t="s">
        <v>5011</v>
      </c>
      <c r="B1605" t="s">
        <v>5012</v>
      </c>
    </row>
    <row r="1606" spans="1:2" x14ac:dyDescent="0.4">
      <c r="A1606" t="s">
        <v>5013</v>
      </c>
      <c r="B1606" t="s">
        <v>5014</v>
      </c>
    </row>
    <row r="1607" spans="1:2" x14ac:dyDescent="0.4">
      <c r="A1607" t="s">
        <v>5015</v>
      </c>
      <c r="B1607" t="s">
        <v>5016</v>
      </c>
    </row>
    <row r="1608" spans="1:2" x14ac:dyDescent="0.4">
      <c r="A1608" t="s">
        <v>5017</v>
      </c>
      <c r="B1608" t="s">
        <v>5018</v>
      </c>
    </row>
    <row r="1609" spans="1:2" x14ac:dyDescent="0.4">
      <c r="A1609" t="s">
        <v>5019</v>
      </c>
      <c r="B1609" t="s">
        <v>5020</v>
      </c>
    </row>
    <row r="1610" spans="1:2" x14ac:dyDescent="0.4">
      <c r="A1610" t="s">
        <v>5021</v>
      </c>
      <c r="B1610" t="s">
        <v>5022</v>
      </c>
    </row>
    <row r="1611" spans="1:2" x14ac:dyDescent="0.4">
      <c r="A1611" t="s">
        <v>5023</v>
      </c>
      <c r="B1611" t="s">
        <v>5024</v>
      </c>
    </row>
    <row r="1612" spans="1:2" x14ac:dyDescent="0.4">
      <c r="A1612" t="s">
        <v>5025</v>
      </c>
      <c r="B1612" t="s">
        <v>5026</v>
      </c>
    </row>
    <row r="1613" spans="1:2" x14ac:dyDescent="0.4">
      <c r="A1613" t="s">
        <v>5027</v>
      </c>
      <c r="B1613" t="s">
        <v>5028</v>
      </c>
    </row>
    <row r="1614" spans="1:2" x14ac:dyDescent="0.4">
      <c r="A1614" t="s">
        <v>5029</v>
      </c>
      <c r="B1614" t="s">
        <v>5030</v>
      </c>
    </row>
    <row r="1615" spans="1:2" x14ac:dyDescent="0.4">
      <c r="A1615" t="s">
        <v>5031</v>
      </c>
      <c r="B1615" t="s">
        <v>5032</v>
      </c>
    </row>
    <row r="1616" spans="1:2" x14ac:dyDescent="0.4">
      <c r="A1616" t="s">
        <v>5033</v>
      </c>
      <c r="B1616" t="s">
        <v>5034</v>
      </c>
    </row>
    <row r="1617" spans="1:2" x14ac:dyDescent="0.4">
      <c r="A1617" t="s">
        <v>5035</v>
      </c>
      <c r="B1617" t="s">
        <v>5036</v>
      </c>
    </row>
    <row r="1618" spans="1:2" x14ac:dyDescent="0.4">
      <c r="A1618" t="s">
        <v>5037</v>
      </c>
      <c r="B1618" t="s">
        <v>5038</v>
      </c>
    </row>
    <row r="1619" spans="1:2" x14ac:dyDescent="0.4">
      <c r="A1619" t="s">
        <v>5039</v>
      </c>
      <c r="B1619" t="s">
        <v>5040</v>
      </c>
    </row>
    <row r="1620" spans="1:2" x14ac:dyDescent="0.4">
      <c r="A1620" t="s">
        <v>5041</v>
      </c>
      <c r="B1620" t="s">
        <v>5042</v>
      </c>
    </row>
    <row r="1621" spans="1:2" x14ac:dyDescent="0.4">
      <c r="A1621" t="s">
        <v>5043</v>
      </c>
      <c r="B1621" t="s">
        <v>5044</v>
      </c>
    </row>
    <row r="1622" spans="1:2" x14ac:dyDescent="0.4">
      <c r="A1622" t="s">
        <v>5045</v>
      </c>
      <c r="B1622" t="s">
        <v>5046</v>
      </c>
    </row>
    <row r="1623" spans="1:2" x14ac:dyDescent="0.4">
      <c r="A1623" t="s">
        <v>5047</v>
      </c>
      <c r="B1623" t="s">
        <v>5048</v>
      </c>
    </row>
    <row r="1624" spans="1:2" x14ac:dyDescent="0.4">
      <c r="A1624" t="s">
        <v>5049</v>
      </c>
      <c r="B1624" t="s">
        <v>5050</v>
      </c>
    </row>
    <row r="1625" spans="1:2" x14ac:dyDescent="0.4">
      <c r="A1625" t="s">
        <v>5051</v>
      </c>
      <c r="B1625" t="s">
        <v>5052</v>
      </c>
    </row>
    <row r="1626" spans="1:2" x14ac:dyDescent="0.4">
      <c r="A1626" t="s">
        <v>5053</v>
      </c>
      <c r="B1626" t="s">
        <v>5054</v>
      </c>
    </row>
    <row r="1627" spans="1:2" x14ac:dyDescent="0.4">
      <c r="A1627" t="s">
        <v>5055</v>
      </c>
      <c r="B1627" t="s">
        <v>5056</v>
      </c>
    </row>
    <row r="1628" spans="1:2" x14ac:dyDescent="0.4">
      <c r="A1628" t="s">
        <v>5057</v>
      </c>
      <c r="B1628" t="s">
        <v>5058</v>
      </c>
    </row>
    <row r="1629" spans="1:2" x14ac:dyDescent="0.4">
      <c r="A1629" t="s">
        <v>5059</v>
      </c>
      <c r="B1629" t="s">
        <v>5060</v>
      </c>
    </row>
    <row r="1630" spans="1:2" x14ac:dyDescent="0.4">
      <c r="A1630" t="s">
        <v>5061</v>
      </c>
      <c r="B1630" t="s">
        <v>5062</v>
      </c>
    </row>
    <row r="1631" spans="1:2" x14ac:dyDescent="0.4">
      <c r="A1631" t="s">
        <v>5063</v>
      </c>
      <c r="B1631" t="s">
        <v>5064</v>
      </c>
    </row>
    <row r="1632" spans="1:2" x14ac:dyDescent="0.4">
      <c r="A1632" t="s">
        <v>5065</v>
      </c>
      <c r="B1632" t="s">
        <v>5066</v>
      </c>
    </row>
    <row r="1633" spans="1:2" x14ac:dyDescent="0.4">
      <c r="A1633" t="s">
        <v>5067</v>
      </c>
      <c r="B1633" t="s">
        <v>5068</v>
      </c>
    </row>
    <row r="1634" spans="1:2" x14ac:dyDescent="0.4">
      <c r="A1634" t="s">
        <v>5069</v>
      </c>
      <c r="B1634" t="s">
        <v>5070</v>
      </c>
    </row>
    <row r="1635" spans="1:2" x14ac:dyDescent="0.4">
      <c r="A1635" t="s">
        <v>5071</v>
      </c>
      <c r="B1635" t="s">
        <v>5072</v>
      </c>
    </row>
    <row r="1636" spans="1:2" x14ac:dyDescent="0.4">
      <c r="A1636" t="s">
        <v>5073</v>
      </c>
      <c r="B1636" t="s">
        <v>5074</v>
      </c>
    </row>
    <row r="1637" spans="1:2" x14ac:dyDescent="0.4">
      <c r="A1637" t="s">
        <v>5075</v>
      </c>
      <c r="B1637" t="s">
        <v>5076</v>
      </c>
    </row>
    <row r="1638" spans="1:2" x14ac:dyDescent="0.4">
      <c r="A1638" t="s">
        <v>5077</v>
      </c>
      <c r="B1638" t="s">
        <v>5078</v>
      </c>
    </row>
    <row r="1639" spans="1:2" x14ac:dyDescent="0.4">
      <c r="A1639" t="s">
        <v>5079</v>
      </c>
      <c r="B1639" t="s">
        <v>5080</v>
      </c>
    </row>
    <row r="1640" spans="1:2" x14ac:dyDescent="0.4">
      <c r="A1640" t="s">
        <v>5081</v>
      </c>
      <c r="B1640" t="s">
        <v>5082</v>
      </c>
    </row>
    <row r="1641" spans="1:2" x14ac:dyDescent="0.4">
      <c r="A1641" t="s">
        <v>5083</v>
      </c>
      <c r="B1641" t="s">
        <v>5084</v>
      </c>
    </row>
    <row r="1642" spans="1:2" x14ac:dyDescent="0.4">
      <c r="A1642" t="s">
        <v>5085</v>
      </c>
      <c r="B1642" t="s">
        <v>5086</v>
      </c>
    </row>
    <row r="1643" spans="1:2" x14ac:dyDescent="0.4">
      <c r="A1643" t="s">
        <v>5087</v>
      </c>
      <c r="B1643" t="s">
        <v>5088</v>
      </c>
    </row>
    <row r="1644" spans="1:2" x14ac:dyDescent="0.4">
      <c r="A1644" t="s">
        <v>5089</v>
      </c>
      <c r="B1644" t="s">
        <v>5090</v>
      </c>
    </row>
    <row r="1645" spans="1:2" x14ac:dyDescent="0.4">
      <c r="A1645" t="s">
        <v>5091</v>
      </c>
      <c r="B1645" t="s">
        <v>5092</v>
      </c>
    </row>
    <row r="1646" spans="1:2" x14ac:dyDescent="0.4">
      <c r="A1646" t="s">
        <v>5093</v>
      </c>
      <c r="B1646" t="s">
        <v>5094</v>
      </c>
    </row>
    <row r="1647" spans="1:2" x14ac:dyDescent="0.4">
      <c r="A1647" t="s">
        <v>5095</v>
      </c>
      <c r="B1647" t="s">
        <v>5096</v>
      </c>
    </row>
    <row r="1648" spans="1:2" x14ac:dyDescent="0.4">
      <c r="A1648" t="s">
        <v>5097</v>
      </c>
      <c r="B1648" t="s">
        <v>5098</v>
      </c>
    </row>
    <row r="1649" spans="1:2" x14ac:dyDescent="0.4">
      <c r="A1649" t="s">
        <v>5099</v>
      </c>
      <c r="B1649" t="s">
        <v>5100</v>
      </c>
    </row>
    <row r="1650" spans="1:2" x14ac:dyDescent="0.4">
      <c r="A1650" t="s">
        <v>5101</v>
      </c>
      <c r="B1650" t="s">
        <v>5102</v>
      </c>
    </row>
    <row r="1651" spans="1:2" x14ac:dyDescent="0.4">
      <c r="A1651" t="s">
        <v>5103</v>
      </c>
      <c r="B1651" t="s">
        <v>5104</v>
      </c>
    </row>
    <row r="1652" spans="1:2" x14ac:dyDescent="0.4">
      <c r="A1652" t="s">
        <v>5105</v>
      </c>
      <c r="B1652" t="s">
        <v>5106</v>
      </c>
    </row>
    <row r="1653" spans="1:2" x14ac:dyDescent="0.4">
      <c r="A1653" t="s">
        <v>5107</v>
      </c>
      <c r="B1653" t="s">
        <v>5108</v>
      </c>
    </row>
    <row r="1654" spans="1:2" x14ac:dyDescent="0.4">
      <c r="A1654" t="s">
        <v>5109</v>
      </c>
      <c r="B1654" t="s">
        <v>5110</v>
      </c>
    </row>
    <row r="1655" spans="1:2" x14ac:dyDescent="0.4">
      <c r="A1655" t="s">
        <v>5111</v>
      </c>
      <c r="B1655" t="s">
        <v>5112</v>
      </c>
    </row>
    <row r="1656" spans="1:2" x14ac:dyDescent="0.4">
      <c r="A1656" t="s">
        <v>5113</v>
      </c>
      <c r="B1656" t="s">
        <v>5114</v>
      </c>
    </row>
    <row r="1657" spans="1:2" x14ac:dyDescent="0.4">
      <c r="A1657" t="s">
        <v>5115</v>
      </c>
      <c r="B1657" t="s">
        <v>5116</v>
      </c>
    </row>
    <row r="1658" spans="1:2" x14ac:dyDescent="0.4">
      <c r="A1658" t="s">
        <v>5117</v>
      </c>
      <c r="B1658" t="s">
        <v>5118</v>
      </c>
    </row>
    <row r="1659" spans="1:2" x14ac:dyDescent="0.4">
      <c r="A1659" t="s">
        <v>5119</v>
      </c>
      <c r="B1659" t="s">
        <v>5120</v>
      </c>
    </row>
    <row r="1660" spans="1:2" x14ac:dyDescent="0.4">
      <c r="A1660" t="s">
        <v>5121</v>
      </c>
      <c r="B1660" t="s">
        <v>5122</v>
      </c>
    </row>
    <row r="1661" spans="1:2" x14ac:dyDescent="0.4">
      <c r="A1661" t="s">
        <v>5123</v>
      </c>
      <c r="B1661" t="s">
        <v>5124</v>
      </c>
    </row>
    <row r="1662" spans="1:2" x14ac:dyDescent="0.4">
      <c r="A1662" t="s">
        <v>5125</v>
      </c>
      <c r="B1662" t="s">
        <v>5126</v>
      </c>
    </row>
    <row r="1663" spans="1:2" x14ac:dyDescent="0.4">
      <c r="A1663" t="s">
        <v>5127</v>
      </c>
      <c r="B1663" t="s">
        <v>5128</v>
      </c>
    </row>
    <row r="1664" spans="1:2" x14ac:dyDescent="0.4">
      <c r="A1664" t="s">
        <v>5129</v>
      </c>
      <c r="B1664" t="s">
        <v>5130</v>
      </c>
    </row>
    <row r="1665" spans="1:2" x14ac:dyDescent="0.4">
      <c r="A1665" t="s">
        <v>5131</v>
      </c>
      <c r="B1665" t="s">
        <v>5132</v>
      </c>
    </row>
    <row r="1666" spans="1:2" x14ac:dyDescent="0.4">
      <c r="A1666" t="s">
        <v>5133</v>
      </c>
      <c r="B1666" t="s">
        <v>5134</v>
      </c>
    </row>
    <row r="1667" spans="1:2" x14ac:dyDescent="0.4">
      <c r="A1667" t="s">
        <v>5135</v>
      </c>
      <c r="B1667" t="s">
        <v>5136</v>
      </c>
    </row>
    <row r="1668" spans="1:2" x14ac:dyDescent="0.4">
      <c r="A1668" t="s">
        <v>5137</v>
      </c>
      <c r="B1668" t="s">
        <v>5138</v>
      </c>
    </row>
    <row r="1669" spans="1:2" x14ac:dyDescent="0.4">
      <c r="A1669" t="s">
        <v>5139</v>
      </c>
      <c r="B1669" t="s">
        <v>5140</v>
      </c>
    </row>
    <row r="1670" spans="1:2" x14ac:dyDescent="0.4">
      <c r="A1670" t="s">
        <v>5141</v>
      </c>
      <c r="B1670" t="s">
        <v>5142</v>
      </c>
    </row>
    <row r="1671" spans="1:2" x14ac:dyDescent="0.4">
      <c r="A1671" t="s">
        <v>5143</v>
      </c>
      <c r="B1671" t="s">
        <v>5144</v>
      </c>
    </row>
    <row r="1672" spans="1:2" x14ac:dyDescent="0.4">
      <c r="A1672" t="s">
        <v>5145</v>
      </c>
      <c r="B1672" t="s">
        <v>5146</v>
      </c>
    </row>
    <row r="1673" spans="1:2" x14ac:dyDescent="0.4">
      <c r="A1673" t="s">
        <v>5147</v>
      </c>
      <c r="B1673" t="s">
        <v>5148</v>
      </c>
    </row>
    <row r="1674" spans="1:2" x14ac:dyDescent="0.4">
      <c r="A1674" t="s">
        <v>5149</v>
      </c>
      <c r="B1674" t="s">
        <v>5150</v>
      </c>
    </row>
    <row r="1675" spans="1:2" x14ac:dyDescent="0.4">
      <c r="A1675" t="s">
        <v>5151</v>
      </c>
      <c r="B1675" t="s">
        <v>5152</v>
      </c>
    </row>
    <row r="1676" spans="1:2" x14ac:dyDescent="0.4">
      <c r="A1676" t="s">
        <v>5153</v>
      </c>
      <c r="B1676" t="s">
        <v>5154</v>
      </c>
    </row>
    <row r="1677" spans="1:2" x14ac:dyDescent="0.4">
      <c r="A1677" t="s">
        <v>5155</v>
      </c>
      <c r="B1677" t="s">
        <v>5156</v>
      </c>
    </row>
    <row r="1678" spans="1:2" x14ac:dyDescent="0.4">
      <c r="A1678" t="s">
        <v>5157</v>
      </c>
      <c r="B1678" t="s">
        <v>5158</v>
      </c>
    </row>
    <row r="1679" spans="1:2" x14ac:dyDescent="0.4">
      <c r="A1679" t="s">
        <v>5159</v>
      </c>
      <c r="B1679" t="s">
        <v>5160</v>
      </c>
    </row>
    <row r="1680" spans="1:2" x14ac:dyDescent="0.4">
      <c r="A1680" t="s">
        <v>5161</v>
      </c>
      <c r="B1680" t="s">
        <v>5162</v>
      </c>
    </row>
    <row r="1681" spans="1:2" x14ac:dyDescent="0.4">
      <c r="A1681" t="s">
        <v>5163</v>
      </c>
      <c r="B1681" t="s">
        <v>5164</v>
      </c>
    </row>
    <row r="1682" spans="1:2" x14ac:dyDescent="0.4">
      <c r="A1682" t="s">
        <v>5165</v>
      </c>
      <c r="B1682" t="s">
        <v>5166</v>
      </c>
    </row>
    <row r="1683" spans="1:2" x14ac:dyDescent="0.4">
      <c r="A1683" t="s">
        <v>5167</v>
      </c>
      <c r="B1683" t="s">
        <v>5168</v>
      </c>
    </row>
    <row r="1684" spans="1:2" x14ac:dyDescent="0.4">
      <c r="A1684" t="s">
        <v>5169</v>
      </c>
      <c r="B1684" t="s">
        <v>5170</v>
      </c>
    </row>
    <row r="1685" spans="1:2" x14ac:dyDescent="0.4">
      <c r="A1685" t="s">
        <v>5171</v>
      </c>
      <c r="B1685" t="s">
        <v>5172</v>
      </c>
    </row>
    <row r="1686" spans="1:2" x14ac:dyDescent="0.4">
      <c r="A1686" t="s">
        <v>5173</v>
      </c>
      <c r="B1686" t="s">
        <v>5174</v>
      </c>
    </row>
    <row r="1687" spans="1:2" x14ac:dyDescent="0.4">
      <c r="A1687" t="s">
        <v>5175</v>
      </c>
      <c r="B1687" t="s">
        <v>5176</v>
      </c>
    </row>
    <row r="1688" spans="1:2" x14ac:dyDescent="0.4">
      <c r="A1688" t="s">
        <v>5177</v>
      </c>
      <c r="B1688" t="s">
        <v>5178</v>
      </c>
    </row>
    <row r="1689" spans="1:2" x14ac:dyDescent="0.4">
      <c r="A1689" t="s">
        <v>5179</v>
      </c>
      <c r="B1689" t="s">
        <v>5180</v>
      </c>
    </row>
    <row r="1690" spans="1:2" x14ac:dyDescent="0.4">
      <c r="A1690" t="s">
        <v>5181</v>
      </c>
      <c r="B1690" t="s">
        <v>5182</v>
      </c>
    </row>
    <row r="1691" spans="1:2" x14ac:dyDescent="0.4">
      <c r="A1691" t="s">
        <v>5183</v>
      </c>
      <c r="B1691" t="s">
        <v>5184</v>
      </c>
    </row>
    <row r="1692" spans="1:2" x14ac:dyDescent="0.4">
      <c r="A1692" t="s">
        <v>5185</v>
      </c>
      <c r="B1692" t="s">
        <v>5186</v>
      </c>
    </row>
    <row r="1693" spans="1:2" x14ac:dyDescent="0.4">
      <c r="A1693" t="s">
        <v>5187</v>
      </c>
      <c r="B1693" t="s">
        <v>5188</v>
      </c>
    </row>
    <row r="1694" spans="1:2" x14ac:dyDescent="0.4">
      <c r="A1694" t="s">
        <v>5189</v>
      </c>
      <c r="B1694" t="s">
        <v>5190</v>
      </c>
    </row>
    <row r="1695" spans="1:2" x14ac:dyDescent="0.4">
      <c r="A1695" t="s">
        <v>5191</v>
      </c>
      <c r="B1695" t="s">
        <v>5192</v>
      </c>
    </row>
    <row r="1696" spans="1:2" x14ac:dyDescent="0.4">
      <c r="A1696" t="s">
        <v>5193</v>
      </c>
      <c r="B1696" t="s">
        <v>5194</v>
      </c>
    </row>
    <row r="1697" spans="1:2" x14ac:dyDescent="0.4">
      <c r="A1697" t="s">
        <v>5195</v>
      </c>
      <c r="B1697" t="s">
        <v>5196</v>
      </c>
    </row>
    <row r="1698" spans="1:2" x14ac:dyDescent="0.4">
      <c r="A1698" t="s">
        <v>5197</v>
      </c>
      <c r="B1698" t="s">
        <v>5198</v>
      </c>
    </row>
    <row r="1699" spans="1:2" x14ac:dyDescent="0.4">
      <c r="A1699" t="s">
        <v>5199</v>
      </c>
      <c r="B1699" t="s">
        <v>5200</v>
      </c>
    </row>
    <row r="1700" spans="1:2" x14ac:dyDescent="0.4">
      <c r="A1700" t="s">
        <v>5201</v>
      </c>
      <c r="B1700" t="s">
        <v>5202</v>
      </c>
    </row>
    <row r="1701" spans="1:2" x14ac:dyDescent="0.4">
      <c r="A1701" t="s">
        <v>5203</v>
      </c>
      <c r="B1701" t="s">
        <v>5204</v>
      </c>
    </row>
    <row r="1702" spans="1:2" x14ac:dyDescent="0.4">
      <c r="A1702" t="s">
        <v>5205</v>
      </c>
      <c r="B1702" t="s">
        <v>5206</v>
      </c>
    </row>
    <row r="1703" spans="1:2" x14ac:dyDescent="0.4">
      <c r="A1703" t="s">
        <v>5207</v>
      </c>
      <c r="B1703" t="s">
        <v>5208</v>
      </c>
    </row>
    <row r="1704" spans="1:2" x14ac:dyDescent="0.4">
      <c r="A1704" t="s">
        <v>5209</v>
      </c>
      <c r="B1704" t="s">
        <v>5210</v>
      </c>
    </row>
    <row r="1705" spans="1:2" x14ac:dyDescent="0.4">
      <c r="A1705" t="s">
        <v>5211</v>
      </c>
      <c r="B1705" t="s">
        <v>5212</v>
      </c>
    </row>
    <row r="1706" spans="1:2" x14ac:dyDescent="0.4">
      <c r="A1706" t="s">
        <v>5213</v>
      </c>
      <c r="B1706" t="s">
        <v>5214</v>
      </c>
    </row>
    <row r="1707" spans="1:2" x14ac:dyDescent="0.4">
      <c r="A1707" t="s">
        <v>5215</v>
      </c>
      <c r="B1707" t="s">
        <v>5216</v>
      </c>
    </row>
    <row r="1708" spans="1:2" x14ac:dyDescent="0.4">
      <c r="A1708" t="s">
        <v>5217</v>
      </c>
      <c r="B1708" t="s">
        <v>5218</v>
      </c>
    </row>
    <row r="1709" spans="1:2" x14ac:dyDescent="0.4">
      <c r="A1709" t="s">
        <v>5219</v>
      </c>
      <c r="B1709" t="s">
        <v>5220</v>
      </c>
    </row>
    <row r="1710" spans="1:2" x14ac:dyDescent="0.4">
      <c r="A1710" t="s">
        <v>5221</v>
      </c>
      <c r="B1710" t="s">
        <v>5222</v>
      </c>
    </row>
    <row r="1711" spans="1:2" x14ac:dyDescent="0.4">
      <c r="A1711" t="s">
        <v>5223</v>
      </c>
      <c r="B1711" t="s">
        <v>5224</v>
      </c>
    </row>
    <row r="1712" spans="1:2" x14ac:dyDescent="0.4">
      <c r="A1712" t="s">
        <v>5225</v>
      </c>
      <c r="B1712" t="s">
        <v>5226</v>
      </c>
    </row>
    <row r="1713" spans="1:2" x14ac:dyDescent="0.4">
      <c r="A1713" t="s">
        <v>5227</v>
      </c>
      <c r="B1713" t="s">
        <v>5228</v>
      </c>
    </row>
    <row r="1714" spans="1:2" x14ac:dyDescent="0.4">
      <c r="A1714" t="s">
        <v>5229</v>
      </c>
      <c r="B1714" t="s">
        <v>5230</v>
      </c>
    </row>
    <row r="1715" spans="1:2" x14ac:dyDescent="0.4">
      <c r="A1715" t="s">
        <v>5231</v>
      </c>
      <c r="B1715" t="s">
        <v>5232</v>
      </c>
    </row>
    <row r="1716" spans="1:2" x14ac:dyDescent="0.4">
      <c r="A1716" t="s">
        <v>5233</v>
      </c>
      <c r="B1716" t="s">
        <v>5234</v>
      </c>
    </row>
    <row r="1717" spans="1:2" x14ac:dyDescent="0.4">
      <c r="A1717" t="s">
        <v>5235</v>
      </c>
      <c r="B1717" t="s">
        <v>5236</v>
      </c>
    </row>
    <row r="1718" spans="1:2" x14ac:dyDescent="0.4">
      <c r="A1718" t="s">
        <v>5237</v>
      </c>
      <c r="B1718" t="s">
        <v>5238</v>
      </c>
    </row>
    <row r="1719" spans="1:2" x14ac:dyDescent="0.4">
      <c r="A1719" t="s">
        <v>5239</v>
      </c>
      <c r="B1719" t="s">
        <v>5240</v>
      </c>
    </row>
    <row r="1720" spans="1:2" x14ac:dyDescent="0.4">
      <c r="A1720" t="s">
        <v>5241</v>
      </c>
      <c r="B1720" t="s">
        <v>5242</v>
      </c>
    </row>
    <row r="1721" spans="1:2" x14ac:dyDescent="0.4">
      <c r="A1721" t="s">
        <v>5243</v>
      </c>
      <c r="B1721" t="s">
        <v>5244</v>
      </c>
    </row>
    <row r="1722" spans="1:2" x14ac:dyDescent="0.4">
      <c r="A1722" t="s">
        <v>5245</v>
      </c>
      <c r="B1722" t="s">
        <v>5246</v>
      </c>
    </row>
    <row r="1723" spans="1:2" x14ac:dyDescent="0.4">
      <c r="A1723" t="s">
        <v>5247</v>
      </c>
      <c r="B1723" t="s">
        <v>5248</v>
      </c>
    </row>
    <row r="1724" spans="1:2" x14ac:dyDescent="0.4">
      <c r="A1724" t="s">
        <v>5249</v>
      </c>
      <c r="B1724" t="s">
        <v>5250</v>
      </c>
    </row>
    <row r="1725" spans="1:2" x14ac:dyDescent="0.4">
      <c r="A1725" t="s">
        <v>5251</v>
      </c>
      <c r="B1725" t="s">
        <v>5252</v>
      </c>
    </row>
    <row r="1726" spans="1:2" x14ac:dyDescent="0.4">
      <c r="A1726" t="s">
        <v>5253</v>
      </c>
      <c r="B1726" t="s">
        <v>5254</v>
      </c>
    </row>
    <row r="1727" spans="1:2" x14ac:dyDescent="0.4">
      <c r="A1727" t="s">
        <v>5255</v>
      </c>
      <c r="B1727" t="s">
        <v>5256</v>
      </c>
    </row>
    <row r="1728" spans="1:2" x14ac:dyDescent="0.4">
      <c r="A1728" t="s">
        <v>5257</v>
      </c>
      <c r="B1728" t="s">
        <v>5258</v>
      </c>
    </row>
    <row r="1729" spans="1:2" x14ac:dyDescent="0.4">
      <c r="A1729" t="s">
        <v>5259</v>
      </c>
      <c r="B1729" t="s">
        <v>5260</v>
      </c>
    </row>
    <row r="1730" spans="1:2" x14ac:dyDescent="0.4">
      <c r="A1730" t="s">
        <v>5261</v>
      </c>
      <c r="B1730" t="s">
        <v>5262</v>
      </c>
    </row>
    <row r="1731" spans="1:2" x14ac:dyDescent="0.4">
      <c r="A1731" t="s">
        <v>5263</v>
      </c>
      <c r="B1731" t="s">
        <v>5264</v>
      </c>
    </row>
    <row r="1732" spans="1:2" x14ac:dyDescent="0.4">
      <c r="A1732" t="s">
        <v>5265</v>
      </c>
      <c r="B1732" t="s">
        <v>5266</v>
      </c>
    </row>
    <row r="1733" spans="1:2" x14ac:dyDescent="0.4">
      <c r="A1733" t="s">
        <v>5267</v>
      </c>
      <c r="B1733" t="s">
        <v>5268</v>
      </c>
    </row>
    <row r="1734" spans="1:2" x14ac:dyDescent="0.4">
      <c r="A1734" t="s">
        <v>5269</v>
      </c>
      <c r="B1734" t="s">
        <v>5270</v>
      </c>
    </row>
    <row r="1735" spans="1:2" x14ac:dyDescent="0.4">
      <c r="A1735" t="s">
        <v>5271</v>
      </c>
      <c r="B1735" t="s">
        <v>5272</v>
      </c>
    </row>
    <row r="1736" spans="1:2" x14ac:dyDescent="0.4">
      <c r="A1736" t="s">
        <v>5273</v>
      </c>
      <c r="B1736" t="s">
        <v>5274</v>
      </c>
    </row>
    <row r="1737" spans="1:2" x14ac:dyDescent="0.4">
      <c r="A1737" t="s">
        <v>5275</v>
      </c>
      <c r="B1737" t="s">
        <v>5276</v>
      </c>
    </row>
    <row r="1738" spans="1:2" x14ac:dyDescent="0.4">
      <c r="A1738" t="s">
        <v>5277</v>
      </c>
      <c r="B1738" t="s">
        <v>5278</v>
      </c>
    </row>
    <row r="1739" spans="1:2" x14ac:dyDescent="0.4">
      <c r="A1739" t="s">
        <v>5279</v>
      </c>
      <c r="B1739" t="s">
        <v>5280</v>
      </c>
    </row>
    <row r="1740" spans="1:2" x14ac:dyDescent="0.4">
      <c r="A1740" t="s">
        <v>5281</v>
      </c>
      <c r="B1740" t="s">
        <v>5282</v>
      </c>
    </row>
    <row r="1741" spans="1:2" x14ac:dyDescent="0.4">
      <c r="A1741" t="s">
        <v>5283</v>
      </c>
      <c r="B1741" t="s">
        <v>5284</v>
      </c>
    </row>
    <row r="1742" spans="1:2" x14ac:dyDescent="0.4">
      <c r="A1742" t="s">
        <v>5285</v>
      </c>
      <c r="B1742" t="s">
        <v>5286</v>
      </c>
    </row>
  </sheetData>
  <phoneticPr fontId="2"/>
  <pageMargins left="0.7" right="0.7" top="0.75" bottom="0.75" header="0.3" footer="0.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U181"/>
  <sheetViews>
    <sheetView topLeftCell="A2" workbookViewId="0">
      <selection activeCell="A2" sqref="A2:AU2"/>
    </sheetView>
  </sheetViews>
  <sheetFormatPr defaultRowHeight="18.75" outlineLevelRow="1" x14ac:dyDescent="0.4"/>
  <sheetData>
    <row r="1" spans="1:47" hidden="1" outlineLevel="1" x14ac:dyDescent="0.4">
      <c r="A1" t="s">
        <v>1756</v>
      </c>
      <c r="B1" t="s">
        <v>1757</v>
      </c>
      <c r="C1" t="s">
        <v>1758</v>
      </c>
      <c r="D1" t="s">
        <v>1759</v>
      </c>
      <c r="E1" t="s">
        <v>1760</v>
      </c>
      <c r="F1" t="s">
        <v>1761</v>
      </c>
      <c r="G1" t="s">
        <v>1762</v>
      </c>
      <c r="H1" t="s">
        <v>1763</v>
      </c>
      <c r="I1" t="s">
        <v>1764</v>
      </c>
      <c r="J1" t="s">
        <v>1765</v>
      </c>
      <c r="K1" t="s">
        <v>1766</v>
      </c>
      <c r="L1" t="s">
        <v>1767</v>
      </c>
      <c r="M1" t="s">
        <v>1768</v>
      </c>
      <c r="N1" t="s">
        <v>1769</v>
      </c>
      <c r="O1" t="s">
        <v>1770</v>
      </c>
      <c r="P1" t="s">
        <v>1771</v>
      </c>
      <c r="Q1" t="s">
        <v>1772</v>
      </c>
      <c r="R1" t="s">
        <v>1773</v>
      </c>
      <c r="S1" t="s">
        <v>1774</v>
      </c>
      <c r="T1" t="s">
        <v>1775</v>
      </c>
      <c r="U1" t="s">
        <v>1776</v>
      </c>
      <c r="V1" t="s">
        <v>1777</v>
      </c>
      <c r="W1" t="s">
        <v>1778</v>
      </c>
      <c r="X1" t="s">
        <v>1779</v>
      </c>
      <c r="Y1" t="s">
        <v>1780</v>
      </c>
      <c r="Z1" t="s">
        <v>1781</v>
      </c>
      <c r="AA1" t="s">
        <v>1782</v>
      </c>
      <c r="AB1" t="s">
        <v>1783</v>
      </c>
      <c r="AC1" t="s">
        <v>1784</v>
      </c>
      <c r="AD1" t="s">
        <v>1785</v>
      </c>
      <c r="AE1" t="s">
        <v>1786</v>
      </c>
      <c r="AF1" t="s">
        <v>1787</v>
      </c>
      <c r="AG1" t="s">
        <v>1788</v>
      </c>
      <c r="AH1" t="s">
        <v>1789</v>
      </c>
      <c r="AI1" t="s">
        <v>1790</v>
      </c>
      <c r="AJ1" t="s">
        <v>1791</v>
      </c>
      <c r="AK1" t="s">
        <v>1792</v>
      </c>
      <c r="AL1" t="s">
        <v>1793</v>
      </c>
      <c r="AM1" t="s">
        <v>1794</v>
      </c>
      <c r="AN1" t="s">
        <v>1795</v>
      </c>
      <c r="AO1" t="s">
        <v>1796</v>
      </c>
      <c r="AP1" t="s">
        <v>1797</v>
      </c>
      <c r="AQ1" t="s">
        <v>1798</v>
      </c>
      <c r="AR1" t="s">
        <v>1799</v>
      </c>
      <c r="AS1" t="s">
        <v>1800</v>
      </c>
      <c r="AT1" t="s">
        <v>1801</v>
      </c>
      <c r="AU1" t="s">
        <v>1802</v>
      </c>
    </row>
    <row r="2" spans="1:47" collapsed="1" x14ac:dyDescent="0.4">
      <c r="A2" t="s">
        <v>0</v>
      </c>
      <c r="B2" t="s">
        <v>180</v>
      </c>
      <c r="C2" t="s">
        <v>221</v>
      </c>
      <c r="D2" t="s">
        <v>255</v>
      </c>
      <c r="E2" t="s">
        <v>291</v>
      </c>
      <c r="F2" t="s">
        <v>317</v>
      </c>
      <c r="G2" t="s">
        <v>353</v>
      </c>
      <c r="H2" t="s">
        <v>411</v>
      </c>
      <c r="I2" t="s">
        <v>456</v>
      </c>
      <c r="J2" t="s">
        <v>482</v>
      </c>
      <c r="K2" t="s">
        <v>517</v>
      </c>
      <c r="L2" t="s">
        <v>580</v>
      </c>
      <c r="M2" t="s">
        <v>635</v>
      </c>
      <c r="N2" t="s">
        <v>698</v>
      </c>
      <c r="O2" t="s">
        <v>732</v>
      </c>
      <c r="P2" t="s">
        <v>763</v>
      </c>
      <c r="Q2" t="s">
        <v>778</v>
      </c>
      <c r="R2" t="s">
        <v>798</v>
      </c>
      <c r="S2" t="s">
        <v>815</v>
      </c>
      <c r="T2" t="s">
        <v>842</v>
      </c>
      <c r="U2" t="s">
        <v>917</v>
      </c>
      <c r="V2" t="s">
        <v>959</v>
      </c>
      <c r="W2" t="s">
        <v>993</v>
      </c>
      <c r="X2" t="s">
        <v>1047</v>
      </c>
      <c r="Y2" t="s">
        <v>1075</v>
      </c>
      <c r="Z2" t="s">
        <v>1095</v>
      </c>
      <c r="AA2" t="s">
        <v>1122</v>
      </c>
      <c r="AB2" t="s">
        <v>1166</v>
      </c>
      <c r="AC2" t="s">
        <v>1207</v>
      </c>
      <c r="AD2" t="s">
        <v>1245</v>
      </c>
      <c r="AE2" t="s">
        <v>1274</v>
      </c>
      <c r="AF2" t="s">
        <v>1292</v>
      </c>
      <c r="AG2" t="s">
        <v>1311</v>
      </c>
      <c r="AH2" t="s">
        <v>1339</v>
      </c>
      <c r="AI2" t="s">
        <v>1362</v>
      </c>
      <c r="AJ2" t="s">
        <v>1382</v>
      </c>
      <c r="AK2" t="s">
        <v>1407</v>
      </c>
      <c r="AL2" t="s">
        <v>1425</v>
      </c>
      <c r="AM2" t="s">
        <v>1445</v>
      </c>
      <c r="AN2" t="s">
        <v>1480</v>
      </c>
      <c r="AO2" t="s">
        <v>1539</v>
      </c>
      <c r="AP2" t="s">
        <v>1560</v>
      </c>
      <c r="AQ2" t="s">
        <v>1582</v>
      </c>
      <c r="AR2" t="s">
        <v>1625</v>
      </c>
      <c r="AS2" t="s">
        <v>1644</v>
      </c>
      <c r="AT2" t="s">
        <v>1670</v>
      </c>
      <c r="AU2" t="s">
        <v>1714</v>
      </c>
    </row>
    <row r="3" spans="1:47" x14ac:dyDescent="0.4">
      <c r="A3" t="s">
        <v>1</v>
      </c>
      <c r="B3" t="s">
        <v>181</v>
      </c>
      <c r="C3" t="s">
        <v>222</v>
      </c>
      <c r="D3" t="s">
        <v>256</v>
      </c>
      <c r="E3" t="s">
        <v>292</v>
      </c>
      <c r="F3" t="s">
        <v>318</v>
      </c>
      <c r="G3" t="s">
        <v>354</v>
      </c>
      <c r="H3" t="s">
        <v>412</v>
      </c>
      <c r="I3" t="s">
        <v>457</v>
      </c>
      <c r="J3" t="s">
        <v>483</v>
      </c>
      <c r="K3" t="s">
        <v>518</v>
      </c>
      <c r="L3" t="s">
        <v>581</v>
      </c>
      <c r="M3" t="s">
        <v>636</v>
      </c>
      <c r="N3" t="s">
        <v>699</v>
      </c>
      <c r="O3" t="s">
        <v>733</v>
      </c>
      <c r="P3" t="s">
        <v>764</v>
      </c>
      <c r="Q3" t="s">
        <v>779</v>
      </c>
      <c r="R3" t="s">
        <v>799</v>
      </c>
      <c r="S3" t="s">
        <v>816</v>
      </c>
      <c r="T3" t="s">
        <v>843</v>
      </c>
      <c r="U3" t="s">
        <v>918</v>
      </c>
      <c r="V3" t="s">
        <v>960</v>
      </c>
      <c r="W3" t="s">
        <v>994</v>
      </c>
      <c r="X3" t="s">
        <v>1048</v>
      </c>
      <c r="Y3" t="s">
        <v>1076</v>
      </c>
      <c r="Z3" t="s">
        <v>1096</v>
      </c>
      <c r="AA3" t="s">
        <v>1123</v>
      </c>
      <c r="AB3" t="s">
        <v>1167</v>
      </c>
      <c r="AC3" t="s">
        <v>1208</v>
      </c>
      <c r="AD3" t="s">
        <v>1246</v>
      </c>
      <c r="AE3" t="s">
        <v>1275</v>
      </c>
      <c r="AF3" t="s">
        <v>1293</v>
      </c>
      <c r="AG3" t="s">
        <v>1312</v>
      </c>
      <c r="AH3" t="s">
        <v>1340</v>
      </c>
      <c r="AI3" t="s">
        <v>1363</v>
      </c>
      <c r="AJ3" t="s">
        <v>1383</v>
      </c>
      <c r="AK3" t="s">
        <v>1408</v>
      </c>
      <c r="AL3" t="s">
        <v>1426</v>
      </c>
      <c r="AM3" t="s">
        <v>1446</v>
      </c>
      <c r="AN3" t="s">
        <v>1481</v>
      </c>
      <c r="AO3" t="s">
        <v>1540</v>
      </c>
      <c r="AP3" t="s">
        <v>1561</v>
      </c>
      <c r="AQ3" t="s">
        <v>1583</v>
      </c>
      <c r="AR3" t="s">
        <v>1626</v>
      </c>
      <c r="AS3" t="s">
        <v>1645</v>
      </c>
      <c r="AT3" t="s">
        <v>1671</v>
      </c>
      <c r="AU3" t="s">
        <v>1715</v>
      </c>
    </row>
    <row r="4" spans="1:47" x14ac:dyDescent="0.4">
      <c r="A4" t="s">
        <v>2</v>
      </c>
      <c r="B4" t="s">
        <v>182</v>
      </c>
      <c r="C4" t="s">
        <v>223</v>
      </c>
      <c r="D4" t="s">
        <v>257</v>
      </c>
      <c r="E4" t="s">
        <v>293</v>
      </c>
      <c r="F4" t="s">
        <v>319</v>
      </c>
      <c r="G4" t="s">
        <v>355</v>
      </c>
      <c r="H4" t="s">
        <v>413</v>
      </c>
      <c r="I4" t="s">
        <v>458</v>
      </c>
      <c r="J4" t="s">
        <v>484</v>
      </c>
      <c r="K4" t="s">
        <v>519</v>
      </c>
      <c r="L4" t="s">
        <v>582</v>
      </c>
      <c r="M4" t="s">
        <v>637</v>
      </c>
      <c r="N4" t="s">
        <v>700</v>
      </c>
      <c r="O4" t="s">
        <v>734</v>
      </c>
      <c r="P4" t="s">
        <v>765</v>
      </c>
      <c r="Q4" t="s">
        <v>780</v>
      </c>
      <c r="R4" t="s">
        <v>800</v>
      </c>
      <c r="S4" t="s">
        <v>817</v>
      </c>
      <c r="T4" t="s">
        <v>844</v>
      </c>
      <c r="U4" t="s">
        <v>919</v>
      </c>
      <c r="V4" t="s">
        <v>961</v>
      </c>
      <c r="W4" t="s">
        <v>995</v>
      </c>
      <c r="X4" t="s">
        <v>1049</v>
      </c>
      <c r="Y4" t="s">
        <v>1077</v>
      </c>
      <c r="Z4" t="s">
        <v>1097</v>
      </c>
      <c r="AA4" t="s">
        <v>1124</v>
      </c>
      <c r="AB4" t="s">
        <v>1168</v>
      </c>
      <c r="AC4" t="s">
        <v>1209</v>
      </c>
      <c r="AD4" t="s">
        <v>1247</v>
      </c>
      <c r="AE4" t="s">
        <v>1276</v>
      </c>
      <c r="AF4" t="s">
        <v>1294</v>
      </c>
      <c r="AG4" t="s">
        <v>1313</v>
      </c>
      <c r="AH4" t="s">
        <v>1341</v>
      </c>
      <c r="AI4" t="s">
        <v>1364</v>
      </c>
      <c r="AJ4" t="s">
        <v>1384</v>
      </c>
      <c r="AK4" t="s">
        <v>1409</v>
      </c>
      <c r="AL4" t="s">
        <v>1427</v>
      </c>
      <c r="AM4" t="s">
        <v>1447</v>
      </c>
      <c r="AN4" t="s">
        <v>1482</v>
      </c>
      <c r="AO4" t="s">
        <v>1541</v>
      </c>
      <c r="AP4" t="s">
        <v>1562</v>
      </c>
      <c r="AQ4" t="s">
        <v>1584</v>
      </c>
      <c r="AR4" t="s">
        <v>1627</v>
      </c>
      <c r="AS4" t="s">
        <v>1646</v>
      </c>
      <c r="AT4" t="s">
        <v>1672</v>
      </c>
      <c r="AU4" t="s">
        <v>1716</v>
      </c>
    </row>
    <row r="5" spans="1:47" x14ac:dyDescent="0.4">
      <c r="A5" t="s">
        <v>3</v>
      </c>
      <c r="B5" t="s">
        <v>183</v>
      </c>
      <c r="C5" t="s">
        <v>224</v>
      </c>
      <c r="D5" t="s">
        <v>258</v>
      </c>
      <c r="E5" t="s">
        <v>294</v>
      </c>
      <c r="F5" t="s">
        <v>320</v>
      </c>
      <c r="G5" t="s">
        <v>356</v>
      </c>
      <c r="H5" t="s">
        <v>414</v>
      </c>
      <c r="I5" t="s">
        <v>459</v>
      </c>
      <c r="J5" t="s">
        <v>485</v>
      </c>
      <c r="K5" t="s">
        <v>520</v>
      </c>
      <c r="L5" t="s">
        <v>583</v>
      </c>
      <c r="M5" t="s">
        <v>638</v>
      </c>
      <c r="N5" t="s">
        <v>701</v>
      </c>
      <c r="O5" t="s">
        <v>735</v>
      </c>
      <c r="P5" t="s">
        <v>766</v>
      </c>
      <c r="Q5" t="s">
        <v>781</v>
      </c>
      <c r="R5" t="s">
        <v>801</v>
      </c>
      <c r="S5" t="s">
        <v>818</v>
      </c>
      <c r="T5" t="s">
        <v>845</v>
      </c>
      <c r="U5" t="s">
        <v>920</v>
      </c>
      <c r="V5" t="s">
        <v>962</v>
      </c>
      <c r="W5" t="s">
        <v>996</v>
      </c>
      <c r="X5" t="s">
        <v>1050</v>
      </c>
      <c r="Y5" t="s">
        <v>1078</v>
      </c>
      <c r="Z5" t="s">
        <v>1098</v>
      </c>
      <c r="AA5" t="s">
        <v>1125</v>
      </c>
      <c r="AB5" t="s">
        <v>1169</v>
      </c>
      <c r="AC5" t="s">
        <v>1210</v>
      </c>
      <c r="AD5" t="s">
        <v>1248</v>
      </c>
      <c r="AE5" t="s">
        <v>1277</v>
      </c>
      <c r="AF5" t="s">
        <v>1295</v>
      </c>
      <c r="AG5" t="s">
        <v>1314</v>
      </c>
      <c r="AH5" t="s">
        <v>1342</v>
      </c>
      <c r="AI5" t="s">
        <v>1365</v>
      </c>
      <c r="AJ5" t="s">
        <v>1385</v>
      </c>
      <c r="AK5" t="s">
        <v>1410</v>
      </c>
      <c r="AL5" t="s">
        <v>1428</v>
      </c>
      <c r="AM5" t="s">
        <v>1448</v>
      </c>
      <c r="AN5" t="s">
        <v>1483</v>
      </c>
      <c r="AO5" t="s">
        <v>1542</v>
      </c>
      <c r="AP5" t="s">
        <v>1563</v>
      </c>
      <c r="AQ5" t="s">
        <v>1585</v>
      </c>
      <c r="AR5" t="s">
        <v>1628</v>
      </c>
      <c r="AS5" t="s">
        <v>1647</v>
      </c>
      <c r="AT5" t="s">
        <v>1673</v>
      </c>
      <c r="AU5" t="s">
        <v>1717</v>
      </c>
    </row>
    <row r="6" spans="1:47" x14ac:dyDescent="0.4">
      <c r="A6" t="s">
        <v>4</v>
      </c>
      <c r="B6" t="s">
        <v>184</v>
      </c>
      <c r="C6" t="s">
        <v>225</v>
      </c>
      <c r="D6" t="s">
        <v>259</v>
      </c>
      <c r="E6" t="s">
        <v>295</v>
      </c>
      <c r="F6" t="s">
        <v>321</v>
      </c>
      <c r="G6" t="s">
        <v>357</v>
      </c>
      <c r="H6" t="s">
        <v>415</v>
      </c>
      <c r="I6" t="s">
        <v>460</v>
      </c>
      <c r="J6" t="s">
        <v>486</v>
      </c>
      <c r="K6" t="s">
        <v>521</v>
      </c>
      <c r="L6" t="s">
        <v>584</v>
      </c>
      <c r="M6" t="s">
        <v>639</v>
      </c>
      <c r="N6" t="s">
        <v>702</v>
      </c>
      <c r="O6" t="s">
        <v>736</v>
      </c>
      <c r="P6" t="s">
        <v>767</v>
      </c>
      <c r="Q6" t="s">
        <v>782</v>
      </c>
      <c r="R6" t="s">
        <v>802</v>
      </c>
      <c r="S6" t="s">
        <v>819</v>
      </c>
      <c r="T6" t="s">
        <v>846</v>
      </c>
      <c r="U6" t="s">
        <v>921</v>
      </c>
      <c r="V6" t="s">
        <v>963</v>
      </c>
      <c r="W6" t="s">
        <v>997</v>
      </c>
      <c r="X6" t="s">
        <v>1051</v>
      </c>
      <c r="Y6" t="s">
        <v>1079</v>
      </c>
      <c r="Z6" t="s">
        <v>1099</v>
      </c>
      <c r="AA6" t="s">
        <v>1126</v>
      </c>
      <c r="AB6" t="s">
        <v>1170</v>
      </c>
      <c r="AC6" t="s">
        <v>1211</v>
      </c>
      <c r="AD6" t="s">
        <v>1249</v>
      </c>
      <c r="AE6" t="s">
        <v>1278</v>
      </c>
      <c r="AF6" t="s">
        <v>1296</v>
      </c>
      <c r="AG6" t="s">
        <v>1315</v>
      </c>
      <c r="AH6" t="s">
        <v>1343</v>
      </c>
      <c r="AI6" t="s">
        <v>1366</v>
      </c>
      <c r="AJ6" t="s">
        <v>1386</v>
      </c>
      <c r="AK6" t="s">
        <v>1411</v>
      </c>
      <c r="AL6" t="s">
        <v>1429</v>
      </c>
      <c r="AM6" t="s">
        <v>1449</v>
      </c>
      <c r="AN6" t="s">
        <v>1484</v>
      </c>
      <c r="AO6" t="s">
        <v>1543</v>
      </c>
      <c r="AP6" t="s">
        <v>1564</v>
      </c>
      <c r="AQ6" t="s">
        <v>1586</v>
      </c>
      <c r="AR6" t="s">
        <v>1629</v>
      </c>
      <c r="AS6" t="s">
        <v>1648</v>
      </c>
      <c r="AT6" t="s">
        <v>1674</v>
      </c>
      <c r="AU6" t="s">
        <v>1718</v>
      </c>
    </row>
    <row r="7" spans="1:47" x14ac:dyDescent="0.4">
      <c r="A7" t="s">
        <v>5</v>
      </c>
      <c r="B7" t="s">
        <v>185</v>
      </c>
      <c r="C7" t="s">
        <v>226</v>
      </c>
      <c r="D7" t="s">
        <v>260</v>
      </c>
      <c r="E7" t="s">
        <v>296</v>
      </c>
      <c r="F7" t="s">
        <v>322</v>
      </c>
      <c r="G7" t="s">
        <v>358</v>
      </c>
      <c r="H7" t="s">
        <v>416</v>
      </c>
      <c r="I7" t="s">
        <v>461</v>
      </c>
      <c r="J7" t="s">
        <v>487</v>
      </c>
      <c r="K7" t="s">
        <v>522</v>
      </c>
      <c r="L7" t="s">
        <v>585</v>
      </c>
      <c r="M7" t="s">
        <v>640</v>
      </c>
      <c r="N7" t="s">
        <v>703</v>
      </c>
      <c r="O7" t="s">
        <v>737</v>
      </c>
      <c r="P7" t="s">
        <v>768</v>
      </c>
      <c r="Q7" t="s">
        <v>783</v>
      </c>
      <c r="R7" t="s">
        <v>803</v>
      </c>
      <c r="S7" t="s">
        <v>820</v>
      </c>
      <c r="T7" t="s">
        <v>847</v>
      </c>
      <c r="U7" t="s">
        <v>922</v>
      </c>
      <c r="V7" t="s">
        <v>964</v>
      </c>
      <c r="W7" t="s">
        <v>998</v>
      </c>
      <c r="X7" t="s">
        <v>1052</v>
      </c>
      <c r="Y7" t="s">
        <v>1080</v>
      </c>
      <c r="Z7" t="s">
        <v>1100</v>
      </c>
      <c r="AA7" t="s">
        <v>1127</v>
      </c>
      <c r="AB7" t="s">
        <v>1171</v>
      </c>
      <c r="AC7" t="s">
        <v>1212</v>
      </c>
      <c r="AD7" t="s">
        <v>1250</v>
      </c>
      <c r="AE7" t="s">
        <v>1279</v>
      </c>
      <c r="AF7" t="s">
        <v>1297</v>
      </c>
      <c r="AG7" t="s">
        <v>1316</v>
      </c>
      <c r="AH7" t="s">
        <v>1344</v>
      </c>
      <c r="AI7" t="s">
        <v>1367</v>
      </c>
      <c r="AJ7" t="s">
        <v>1387</v>
      </c>
      <c r="AK7" t="s">
        <v>1412</v>
      </c>
      <c r="AL7" t="s">
        <v>1430</v>
      </c>
      <c r="AM7" t="s">
        <v>1450</v>
      </c>
      <c r="AN7" t="s">
        <v>1485</v>
      </c>
      <c r="AO7" t="s">
        <v>1544</v>
      </c>
      <c r="AP7" t="s">
        <v>1565</v>
      </c>
      <c r="AQ7" t="s">
        <v>1587</v>
      </c>
      <c r="AR7" t="s">
        <v>1630</v>
      </c>
      <c r="AS7" t="s">
        <v>1649</v>
      </c>
      <c r="AT7" t="s">
        <v>1675</v>
      </c>
      <c r="AU7" t="s">
        <v>1719</v>
      </c>
    </row>
    <row r="8" spans="1:47" x14ac:dyDescent="0.4">
      <c r="A8" t="s">
        <v>6</v>
      </c>
      <c r="B8" t="s">
        <v>186</v>
      </c>
      <c r="C8" t="s">
        <v>227</v>
      </c>
      <c r="D8" t="s">
        <v>261</v>
      </c>
      <c r="E8" t="s">
        <v>297</v>
      </c>
      <c r="F8" t="s">
        <v>323</v>
      </c>
      <c r="G8" t="s">
        <v>359</v>
      </c>
      <c r="H8" t="s">
        <v>417</v>
      </c>
      <c r="I8" t="s">
        <v>462</v>
      </c>
      <c r="J8" t="s">
        <v>488</v>
      </c>
      <c r="K8" t="s">
        <v>523</v>
      </c>
      <c r="L8" t="s">
        <v>586</v>
      </c>
      <c r="M8" t="s">
        <v>641</v>
      </c>
      <c r="N8" t="s">
        <v>704</v>
      </c>
      <c r="O8" t="s">
        <v>738</v>
      </c>
      <c r="P8" t="s">
        <v>769</v>
      </c>
      <c r="Q8" t="s">
        <v>784</v>
      </c>
      <c r="R8" t="s">
        <v>804</v>
      </c>
      <c r="S8" t="s">
        <v>821</v>
      </c>
      <c r="T8" t="s">
        <v>848</v>
      </c>
      <c r="U8" t="s">
        <v>923</v>
      </c>
      <c r="V8" t="s">
        <v>965</v>
      </c>
      <c r="W8" t="s">
        <v>999</v>
      </c>
      <c r="X8" t="s">
        <v>1053</v>
      </c>
      <c r="Y8" t="s">
        <v>1081</v>
      </c>
      <c r="Z8" t="s">
        <v>1101</v>
      </c>
      <c r="AA8" t="s">
        <v>1128</v>
      </c>
      <c r="AB8" t="s">
        <v>1172</v>
      </c>
      <c r="AC8" t="s">
        <v>1213</v>
      </c>
      <c r="AD8" t="s">
        <v>1251</v>
      </c>
      <c r="AE8" t="s">
        <v>1280</v>
      </c>
      <c r="AF8" t="s">
        <v>1298</v>
      </c>
      <c r="AG8" t="s">
        <v>1317</v>
      </c>
      <c r="AH8" t="s">
        <v>1345</v>
      </c>
      <c r="AI8" t="s">
        <v>1368</v>
      </c>
      <c r="AJ8" t="s">
        <v>1388</v>
      </c>
      <c r="AK8" t="s">
        <v>1413</v>
      </c>
      <c r="AL8" t="s">
        <v>1431</v>
      </c>
      <c r="AM8" t="s">
        <v>1451</v>
      </c>
      <c r="AN8" t="s">
        <v>1486</v>
      </c>
      <c r="AO8" t="s">
        <v>1545</v>
      </c>
      <c r="AP8" t="s">
        <v>1566</v>
      </c>
      <c r="AQ8" t="s">
        <v>1588</v>
      </c>
      <c r="AR8" t="s">
        <v>1631</v>
      </c>
      <c r="AS8" t="s">
        <v>1650</v>
      </c>
      <c r="AT8" t="s">
        <v>1676</v>
      </c>
      <c r="AU8" t="s">
        <v>1720</v>
      </c>
    </row>
    <row r="9" spans="1:47" x14ac:dyDescent="0.4">
      <c r="A9" t="s">
        <v>7</v>
      </c>
      <c r="B9" t="s">
        <v>187</v>
      </c>
      <c r="C9" t="s">
        <v>228</v>
      </c>
      <c r="D9" t="s">
        <v>262</v>
      </c>
      <c r="E9" t="s">
        <v>298</v>
      </c>
      <c r="F9" t="s">
        <v>324</v>
      </c>
      <c r="G9" t="s">
        <v>360</v>
      </c>
      <c r="H9" t="s">
        <v>418</v>
      </c>
      <c r="I9" t="s">
        <v>463</v>
      </c>
      <c r="J9" t="s">
        <v>489</v>
      </c>
      <c r="K9" t="s">
        <v>524</v>
      </c>
      <c r="L9" t="s">
        <v>587</v>
      </c>
      <c r="M9" t="s">
        <v>642</v>
      </c>
      <c r="N9" t="s">
        <v>705</v>
      </c>
      <c r="O9" t="s">
        <v>739</v>
      </c>
      <c r="P9" t="s">
        <v>770</v>
      </c>
      <c r="Q9" t="s">
        <v>785</v>
      </c>
      <c r="R9" t="s">
        <v>805</v>
      </c>
      <c r="S9" t="s">
        <v>822</v>
      </c>
      <c r="T9" t="s">
        <v>849</v>
      </c>
      <c r="U9" t="s">
        <v>924</v>
      </c>
      <c r="V9" t="s">
        <v>966</v>
      </c>
      <c r="W9" t="s">
        <v>1000</v>
      </c>
      <c r="X9" t="s">
        <v>1054</v>
      </c>
      <c r="Y9" t="s">
        <v>1082</v>
      </c>
      <c r="Z9" t="s">
        <v>1102</v>
      </c>
      <c r="AA9" t="s">
        <v>1129</v>
      </c>
      <c r="AB9" t="s">
        <v>1173</v>
      </c>
      <c r="AC9" t="s">
        <v>1214</v>
      </c>
      <c r="AD9" t="s">
        <v>1252</v>
      </c>
      <c r="AE9" t="s">
        <v>1281</v>
      </c>
      <c r="AF9" t="s">
        <v>1299</v>
      </c>
      <c r="AG9" t="s">
        <v>1318</v>
      </c>
      <c r="AH9" t="s">
        <v>664</v>
      </c>
      <c r="AI9" t="s">
        <v>1369</v>
      </c>
      <c r="AJ9" t="s">
        <v>1389</v>
      </c>
      <c r="AK9" t="s">
        <v>1414</v>
      </c>
      <c r="AL9" t="s">
        <v>1432</v>
      </c>
      <c r="AM9" t="s">
        <v>1452</v>
      </c>
      <c r="AN9" t="s">
        <v>1487</v>
      </c>
      <c r="AO9" t="s">
        <v>1546</v>
      </c>
      <c r="AP9" t="s">
        <v>1567</v>
      </c>
      <c r="AQ9" t="s">
        <v>1589</v>
      </c>
      <c r="AR9" t="s">
        <v>1632</v>
      </c>
      <c r="AS9" t="s">
        <v>1651</v>
      </c>
      <c r="AT9" t="s">
        <v>1677</v>
      </c>
      <c r="AU9" t="s">
        <v>1721</v>
      </c>
    </row>
    <row r="10" spans="1:47" x14ac:dyDescent="0.4">
      <c r="A10" t="s">
        <v>8</v>
      </c>
      <c r="B10" t="s">
        <v>188</v>
      </c>
      <c r="C10" t="s">
        <v>229</v>
      </c>
      <c r="D10" t="s">
        <v>263</v>
      </c>
      <c r="E10" t="s">
        <v>299</v>
      </c>
      <c r="F10" t="s">
        <v>325</v>
      </c>
      <c r="G10" t="s">
        <v>361</v>
      </c>
      <c r="H10" t="s">
        <v>419</v>
      </c>
      <c r="I10" t="s">
        <v>464</v>
      </c>
      <c r="J10" t="s">
        <v>490</v>
      </c>
      <c r="K10" t="s">
        <v>525</v>
      </c>
      <c r="L10" t="s">
        <v>588</v>
      </c>
      <c r="M10" t="s">
        <v>643</v>
      </c>
      <c r="N10" t="s">
        <v>706</v>
      </c>
      <c r="O10" t="s">
        <v>740</v>
      </c>
      <c r="P10" t="s">
        <v>771</v>
      </c>
      <c r="Q10" t="s">
        <v>786</v>
      </c>
      <c r="R10" t="s">
        <v>806</v>
      </c>
      <c r="S10" t="s">
        <v>823</v>
      </c>
      <c r="T10" t="s">
        <v>850</v>
      </c>
      <c r="U10" t="s">
        <v>925</v>
      </c>
      <c r="V10" t="s">
        <v>967</v>
      </c>
      <c r="W10" t="s">
        <v>1001</v>
      </c>
      <c r="X10" t="s">
        <v>1055</v>
      </c>
      <c r="Y10" t="s">
        <v>1083</v>
      </c>
      <c r="Z10" t="s">
        <v>1103</v>
      </c>
      <c r="AA10" t="s">
        <v>1130</v>
      </c>
      <c r="AB10" t="s">
        <v>1174</v>
      </c>
      <c r="AC10" t="s">
        <v>1215</v>
      </c>
      <c r="AD10" t="s">
        <v>1253</v>
      </c>
      <c r="AE10" t="s">
        <v>1282</v>
      </c>
      <c r="AF10" t="s">
        <v>1300</v>
      </c>
      <c r="AG10" t="s">
        <v>1319</v>
      </c>
      <c r="AH10" t="s">
        <v>1346</v>
      </c>
      <c r="AI10" t="s">
        <v>1370</v>
      </c>
      <c r="AJ10" t="s">
        <v>1390</v>
      </c>
      <c r="AK10" t="s">
        <v>1415</v>
      </c>
      <c r="AL10" t="s">
        <v>1433</v>
      </c>
      <c r="AM10" t="s">
        <v>1453</v>
      </c>
      <c r="AN10" t="s">
        <v>1488</v>
      </c>
      <c r="AO10" t="s">
        <v>1547</v>
      </c>
      <c r="AP10" t="s">
        <v>1568</v>
      </c>
      <c r="AQ10" t="s">
        <v>1590</v>
      </c>
      <c r="AR10" t="s">
        <v>1633</v>
      </c>
      <c r="AS10" t="s">
        <v>1652</v>
      </c>
      <c r="AT10" t="s">
        <v>1678</v>
      </c>
      <c r="AU10" t="s">
        <v>1722</v>
      </c>
    </row>
    <row r="11" spans="1:47" x14ac:dyDescent="0.4">
      <c r="A11" t="s">
        <v>9</v>
      </c>
      <c r="B11" t="s">
        <v>189</v>
      </c>
      <c r="C11" t="s">
        <v>230</v>
      </c>
      <c r="D11" t="s">
        <v>264</v>
      </c>
      <c r="E11" t="s">
        <v>300</v>
      </c>
      <c r="F11" t="s">
        <v>326</v>
      </c>
      <c r="G11" t="s">
        <v>362</v>
      </c>
      <c r="H11" t="s">
        <v>420</v>
      </c>
      <c r="I11" t="s">
        <v>465</v>
      </c>
      <c r="J11" t="s">
        <v>491</v>
      </c>
      <c r="K11" t="s">
        <v>526</v>
      </c>
      <c r="L11" t="s">
        <v>589</v>
      </c>
      <c r="M11" t="s">
        <v>644</v>
      </c>
      <c r="N11" t="s">
        <v>707</v>
      </c>
      <c r="O11" t="s">
        <v>741</v>
      </c>
      <c r="P11" t="s">
        <v>772</v>
      </c>
      <c r="Q11" t="s">
        <v>787</v>
      </c>
      <c r="R11" t="s">
        <v>807</v>
      </c>
      <c r="S11" t="s">
        <v>824</v>
      </c>
      <c r="T11" t="s">
        <v>851</v>
      </c>
      <c r="U11" t="s">
        <v>926</v>
      </c>
      <c r="V11" t="s">
        <v>968</v>
      </c>
      <c r="W11" t="s">
        <v>1002</v>
      </c>
      <c r="X11" t="s">
        <v>1056</v>
      </c>
      <c r="Y11" t="s">
        <v>1084</v>
      </c>
      <c r="Z11" t="s">
        <v>1104</v>
      </c>
      <c r="AA11" t="s">
        <v>1131</v>
      </c>
      <c r="AB11" t="s">
        <v>1175</v>
      </c>
      <c r="AC11" t="s">
        <v>1216</v>
      </c>
      <c r="AD11" t="s">
        <v>1254</v>
      </c>
      <c r="AE11" t="s">
        <v>1283</v>
      </c>
      <c r="AF11" t="s">
        <v>1301</v>
      </c>
      <c r="AG11" t="s">
        <v>1320</v>
      </c>
      <c r="AH11" t="s">
        <v>1347</v>
      </c>
      <c r="AI11" t="s">
        <v>1371</v>
      </c>
      <c r="AJ11" t="s">
        <v>1391</v>
      </c>
      <c r="AK11" t="s">
        <v>1416</v>
      </c>
      <c r="AL11" t="s">
        <v>1434</v>
      </c>
      <c r="AM11" t="s">
        <v>1454</v>
      </c>
      <c r="AN11" t="s">
        <v>1489</v>
      </c>
      <c r="AO11" t="s">
        <v>1548</v>
      </c>
      <c r="AP11" t="s">
        <v>1569</v>
      </c>
      <c r="AQ11" t="s">
        <v>1591</v>
      </c>
      <c r="AR11" t="s">
        <v>1634</v>
      </c>
      <c r="AS11" t="s">
        <v>1653</v>
      </c>
      <c r="AT11" t="s">
        <v>1679</v>
      </c>
      <c r="AU11" t="s">
        <v>1723</v>
      </c>
    </row>
    <row r="12" spans="1:47" x14ac:dyDescent="0.4">
      <c r="A12" t="s">
        <v>10</v>
      </c>
      <c r="B12" t="s">
        <v>190</v>
      </c>
      <c r="C12" t="s">
        <v>231</v>
      </c>
      <c r="D12" t="s">
        <v>265</v>
      </c>
      <c r="E12" t="s">
        <v>301</v>
      </c>
      <c r="F12" t="s">
        <v>327</v>
      </c>
      <c r="G12" t="s">
        <v>363</v>
      </c>
      <c r="H12" t="s">
        <v>421</v>
      </c>
      <c r="I12" t="s">
        <v>466</v>
      </c>
      <c r="J12" t="s">
        <v>492</v>
      </c>
      <c r="K12" t="s">
        <v>527</v>
      </c>
      <c r="L12" t="s">
        <v>590</v>
      </c>
      <c r="M12" t="s">
        <v>645</v>
      </c>
      <c r="N12" t="s">
        <v>708</v>
      </c>
      <c r="O12" t="s">
        <v>742</v>
      </c>
      <c r="P12" t="s">
        <v>773</v>
      </c>
      <c r="Q12" t="s">
        <v>788</v>
      </c>
      <c r="R12" t="s">
        <v>808</v>
      </c>
      <c r="S12" t="s">
        <v>825</v>
      </c>
      <c r="T12" t="s">
        <v>852</v>
      </c>
      <c r="U12" t="s">
        <v>927</v>
      </c>
      <c r="V12" t="s">
        <v>969</v>
      </c>
      <c r="W12" t="s">
        <v>1003</v>
      </c>
      <c r="X12" t="s">
        <v>1057</v>
      </c>
      <c r="Y12" t="s">
        <v>1085</v>
      </c>
      <c r="Z12" t="s">
        <v>1105</v>
      </c>
      <c r="AA12" t="s">
        <v>1132</v>
      </c>
      <c r="AB12" t="s">
        <v>1176</v>
      </c>
      <c r="AC12" t="s">
        <v>1217</v>
      </c>
      <c r="AD12" t="s">
        <v>1255</v>
      </c>
      <c r="AE12" t="s">
        <v>1284</v>
      </c>
      <c r="AF12" t="s">
        <v>1302</v>
      </c>
      <c r="AG12" t="s">
        <v>1321</v>
      </c>
      <c r="AH12" t="s">
        <v>1348</v>
      </c>
      <c r="AI12" t="s">
        <v>1372</v>
      </c>
      <c r="AJ12" t="s">
        <v>1392</v>
      </c>
      <c r="AK12" t="s">
        <v>1417</v>
      </c>
      <c r="AL12" t="s">
        <v>1435</v>
      </c>
      <c r="AM12" t="s">
        <v>1455</v>
      </c>
      <c r="AN12" t="s">
        <v>1490</v>
      </c>
      <c r="AO12" t="s">
        <v>1549</v>
      </c>
      <c r="AP12" t="s">
        <v>1570</v>
      </c>
      <c r="AQ12" t="s">
        <v>1592</v>
      </c>
      <c r="AR12" t="s">
        <v>1635</v>
      </c>
      <c r="AS12" t="s">
        <v>1654</v>
      </c>
      <c r="AT12" t="s">
        <v>1680</v>
      </c>
      <c r="AU12" t="s">
        <v>1724</v>
      </c>
    </row>
    <row r="13" spans="1:47" x14ac:dyDescent="0.4">
      <c r="A13" t="s">
        <v>11</v>
      </c>
      <c r="B13" t="s">
        <v>191</v>
      </c>
      <c r="C13" t="s">
        <v>232</v>
      </c>
      <c r="D13" t="s">
        <v>266</v>
      </c>
      <c r="E13" t="s">
        <v>302</v>
      </c>
      <c r="F13" t="s">
        <v>328</v>
      </c>
      <c r="G13" t="s">
        <v>364</v>
      </c>
      <c r="H13" t="s">
        <v>422</v>
      </c>
      <c r="I13" t="s">
        <v>467</v>
      </c>
      <c r="J13" t="s">
        <v>493</v>
      </c>
      <c r="K13" t="s">
        <v>528</v>
      </c>
      <c r="L13" t="s">
        <v>591</v>
      </c>
      <c r="M13" t="s">
        <v>646</v>
      </c>
      <c r="N13" t="s">
        <v>709</v>
      </c>
      <c r="O13" t="s">
        <v>743</v>
      </c>
      <c r="P13" t="s">
        <v>774</v>
      </c>
      <c r="Q13" t="s">
        <v>789</v>
      </c>
      <c r="R13" t="s">
        <v>163</v>
      </c>
      <c r="S13" t="s">
        <v>826</v>
      </c>
      <c r="T13" t="s">
        <v>853</v>
      </c>
      <c r="U13" t="s">
        <v>928</v>
      </c>
      <c r="V13" t="s">
        <v>970</v>
      </c>
      <c r="W13" t="s">
        <v>1004</v>
      </c>
      <c r="X13" t="s">
        <v>1058</v>
      </c>
      <c r="Y13" t="s">
        <v>1086</v>
      </c>
      <c r="Z13" t="s">
        <v>1106</v>
      </c>
      <c r="AA13" t="s">
        <v>1133</v>
      </c>
      <c r="AB13" t="s">
        <v>1177</v>
      </c>
      <c r="AC13" t="s">
        <v>1218</v>
      </c>
      <c r="AD13" t="s">
        <v>1256</v>
      </c>
      <c r="AE13" t="s">
        <v>1285</v>
      </c>
      <c r="AF13" t="s">
        <v>1303</v>
      </c>
      <c r="AG13" t="s">
        <v>1322</v>
      </c>
      <c r="AH13" t="s">
        <v>1349</v>
      </c>
      <c r="AI13" t="s">
        <v>1373</v>
      </c>
      <c r="AJ13" t="s">
        <v>1393</v>
      </c>
      <c r="AK13" t="s">
        <v>1418</v>
      </c>
      <c r="AL13" t="s">
        <v>1436</v>
      </c>
      <c r="AM13" t="s">
        <v>1456</v>
      </c>
      <c r="AN13" t="s">
        <v>1491</v>
      </c>
      <c r="AO13" t="s">
        <v>1550</v>
      </c>
      <c r="AP13" t="s">
        <v>1571</v>
      </c>
      <c r="AQ13" t="s">
        <v>1593</v>
      </c>
      <c r="AR13" t="s">
        <v>1636</v>
      </c>
      <c r="AS13" t="s">
        <v>1655</v>
      </c>
      <c r="AT13" t="s">
        <v>1681</v>
      </c>
      <c r="AU13" t="s">
        <v>1725</v>
      </c>
    </row>
    <row r="14" spans="1:47" x14ac:dyDescent="0.4">
      <c r="A14" t="s">
        <v>12</v>
      </c>
      <c r="B14" t="s">
        <v>192</v>
      </c>
      <c r="C14" t="s">
        <v>233</v>
      </c>
      <c r="D14" t="s">
        <v>267</v>
      </c>
      <c r="E14" t="s">
        <v>303</v>
      </c>
      <c r="F14" t="s">
        <v>329</v>
      </c>
      <c r="G14" t="s">
        <v>32</v>
      </c>
      <c r="H14" t="s">
        <v>423</v>
      </c>
      <c r="I14" t="s">
        <v>468</v>
      </c>
      <c r="J14" t="s">
        <v>494</v>
      </c>
      <c r="K14" t="s">
        <v>529</v>
      </c>
      <c r="L14" t="s">
        <v>592</v>
      </c>
      <c r="M14" t="s">
        <v>647</v>
      </c>
      <c r="N14" t="s">
        <v>710</v>
      </c>
      <c r="O14" t="s">
        <v>744</v>
      </c>
      <c r="P14" t="s">
        <v>775</v>
      </c>
      <c r="Q14" t="s">
        <v>790</v>
      </c>
      <c r="R14" t="s">
        <v>809</v>
      </c>
      <c r="S14" t="s">
        <v>827</v>
      </c>
      <c r="T14" t="s">
        <v>854</v>
      </c>
      <c r="U14" t="s">
        <v>929</v>
      </c>
      <c r="V14" t="s">
        <v>971</v>
      </c>
      <c r="W14" t="s">
        <v>1005</v>
      </c>
      <c r="X14" t="s">
        <v>1059</v>
      </c>
      <c r="Y14" t="s">
        <v>1087</v>
      </c>
      <c r="Z14" t="s">
        <v>1107</v>
      </c>
      <c r="AA14" t="s">
        <v>1134</v>
      </c>
      <c r="AB14" t="s">
        <v>1178</v>
      </c>
      <c r="AC14" t="s">
        <v>1219</v>
      </c>
      <c r="AD14" t="s">
        <v>1257</v>
      </c>
      <c r="AE14" t="s">
        <v>1286</v>
      </c>
      <c r="AF14" t="s">
        <v>314</v>
      </c>
      <c r="AG14" t="s">
        <v>1323</v>
      </c>
      <c r="AH14" t="s">
        <v>1350</v>
      </c>
      <c r="AI14" t="s">
        <v>1374</v>
      </c>
      <c r="AJ14" t="s">
        <v>1394</v>
      </c>
      <c r="AK14" t="s">
        <v>1419</v>
      </c>
      <c r="AL14" t="s">
        <v>1437</v>
      </c>
      <c r="AM14" t="s">
        <v>1457</v>
      </c>
      <c r="AN14" t="s">
        <v>1492</v>
      </c>
      <c r="AO14" t="s">
        <v>1551</v>
      </c>
      <c r="AP14" t="s">
        <v>1572</v>
      </c>
      <c r="AQ14" t="s">
        <v>1594</v>
      </c>
      <c r="AR14" t="s">
        <v>1637</v>
      </c>
      <c r="AS14" t="s">
        <v>1656</v>
      </c>
      <c r="AT14" t="s">
        <v>1682</v>
      </c>
      <c r="AU14" t="s">
        <v>1726</v>
      </c>
    </row>
    <row r="15" spans="1:47" x14ac:dyDescent="0.4">
      <c r="A15" t="s">
        <v>13</v>
      </c>
      <c r="B15" t="s">
        <v>193</v>
      </c>
      <c r="C15" t="s">
        <v>234</v>
      </c>
      <c r="D15" t="s">
        <v>268</v>
      </c>
      <c r="E15" t="s">
        <v>304</v>
      </c>
      <c r="F15" t="s">
        <v>330</v>
      </c>
      <c r="G15" t="s">
        <v>365</v>
      </c>
      <c r="H15" t="s">
        <v>424</v>
      </c>
      <c r="I15" t="s">
        <v>469</v>
      </c>
      <c r="J15" t="s">
        <v>495</v>
      </c>
      <c r="K15" t="s">
        <v>530</v>
      </c>
      <c r="L15" t="s">
        <v>593</v>
      </c>
      <c r="M15" t="s">
        <v>648</v>
      </c>
      <c r="N15" t="s">
        <v>711</v>
      </c>
      <c r="O15" t="s">
        <v>745</v>
      </c>
      <c r="P15" t="s">
        <v>776</v>
      </c>
      <c r="Q15" t="s">
        <v>791</v>
      </c>
      <c r="R15" t="s">
        <v>810</v>
      </c>
      <c r="S15" t="s">
        <v>828</v>
      </c>
      <c r="T15" t="s">
        <v>855</v>
      </c>
      <c r="U15" t="s">
        <v>930</v>
      </c>
      <c r="V15" t="s">
        <v>972</v>
      </c>
      <c r="W15" t="s">
        <v>1006</v>
      </c>
      <c r="X15" t="s">
        <v>1060</v>
      </c>
      <c r="Y15" t="s">
        <v>1088</v>
      </c>
      <c r="Z15" t="s">
        <v>1108</v>
      </c>
      <c r="AA15" t="s">
        <v>1135</v>
      </c>
      <c r="AB15" t="s">
        <v>1179</v>
      </c>
      <c r="AC15" t="s">
        <v>1220</v>
      </c>
      <c r="AD15" t="s">
        <v>1258</v>
      </c>
      <c r="AE15" t="s">
        <v>1287</v>
      </c>
      <c r="AF15" t="s">
        <v>1304</v>
      </c>
      <c r="AG15" t="s">
        <v>1324</v>
      </c>
      <c r="AH15" t="s">
        <v>1351</v>
      </c>
      <c r="AI15" t="s">
        <v>1375</v>
      </c>
      <c r="AJ15" t="s">
        <v>1395</v>
      </c>
      <c r="AK15" t="s">
        <v>1420</v>
      </c>
      <c r="AL15" t="s">
        <v>1438</v>
      </c>
      <c r="AM15" t="s">
        <v>1458</v>
      </c>
      <c r="AN15" t="s">
        <v>1493</v>
      </c>
      <c r="AO15" t="s">
        <v>1552</v>
      </c>
      <c r="AP15" t="s">
        <v>1573</v>
      </c>
      <c r="AQ15" t="s">
        <v>1595</v>
      </c>
      <c r="AR15" t="s">
        <v>1638</v>
      </c>
      <c r="AS15" t="s">
        <v>1657</v>
      </c>
      <c r="AT15" t="s">
        <v>1683</v>
      </c>
      <c r="AU15" t="s">
        <v>1727</v>
      </c>
    </row>
    <row r="16" spans="1:47" x14ac:dyDescent="0.4">
      <c r="A16" t="s">
        <v>14</v>
      </c>
      <c r="B16" t="s">
        <v>194</v>
      </c>
      <c r="C16" t="s">
        <v>235</v>
      </c>
      <c r="D16" t="s">
        <v>269</v>
      </c>
      <c r="E16" t="s">
        <v>305</v>
      </c>
      <c r="F16" t="s">
        <v>331</v>
      </c>
      <c r="G16" t="s">
        <v>366</v>
      </c>
      <c r="H16" t="s">
        <v>425</v>
      </c>
      <c r="I16" t="s">
        <v>470</v>
      </c>
      <c r="J16" t="s">
        <v>496</v>
      </c>
      <c r="K16" t="s">
        <v>531</v>
      </c>
      <c r="L16" t="s">
        <v>594</v>
      </c>
      <c r="M16" t="s">
        <v>649</v>
      </c>
      <c r="N16" t="s">
        <v>712</v>
      </c>
      <c r="O16" t="s">
        <v>746</v>
      </c>
      <c r="P16" t="s">
        <v>777</v>
      </c>
      <c r="Q16" t="s">
        <v>792</v>
      </c>
      <c r="R16" t="s">
        <v>811</v>
      </c>
      <c r="S16" t="s">
        <v>829</v>
      </c>
      <c r="T16" t="s">
        <v>856</v>
      </c>
      <c r="U16" t="s">
        <v>931</v>
      </c>
      <c r="V16" t="s">
        <v>973</v>
      </c>
      <c r="W16" t="s">
        <v>1007</v>
      </c>
      <c r="X16" t="s">
        <v>1061</v>
      </c>
      <c r="Y16" t="s">
        <v>1089</v>
      </c>
      <c r="Z16" t="s">
        <v>1109</v>
      </c>
      <c r="AA16" t="s">
        <v>1136</v>
      </c>
      <c r="AB16" t="s">
        <v>1180</v>
      </c>
      <c r="AC16" t="s">
        <v>1221</v>
      </c>
      <c r="AD16" t="s">
        <v>1259</v>
      </c>
      <c r="AE16" t="s">
        <v>1288</v>
      </c>
      <c r="AF16" t="s">
        <v>1305</v>
      </c>
      <c r="AG16" t="s">
        <v>1325</v>
      </c>
      <c r="AH16" t="s">
        <v>1352</v>
      </c>
      <c r="AI16" t="s">
        <v>1376</v>
      </c>
      <c r="AJ16" t="s">
        <v>1396</v>
      </c>
      <c r="AK16" t="s">
        <v>1421</v>
      </c>
      <c r="AL16" t="s">
        <v>38</v>
      </c>
      <c r="AM16" t="s">
        <v>1459</v>
      </c>
      <c r="AN16" t="s">
        <v>1494</v>
      </c>
      <c r="AO16" t="s">
        <v>1553</v>
      </c>
      <c r="AP16" t="s">
        <v>1574</v>
      </c>
      <c r="AQ16" t="s">
        <v>1596</v>
      </c>
      <c r="AR16" t="s">
        <v>1639</v>
      </c>
      <c r="AS16" t="s">
        <v>1658</v>
      </c>
      <c r="AT16" t="s">
        <v>1684</v>
      </c>
      <c r="AU16" t="s">
        <v>1728</v>
      </c>
    </row>
    <row r="17" spans="1:47" x14ac:dyDescent="0.4">
      <c r="A17" t="s">
        <v>15</v>
      </c>
      <c r="B17" t="s">
        <v>195</v>
      </c>
      <c r="C17" t="s">
        <v>236</v>
      </c>
      <c r="D17" t="s">
        <v>270</v>
      </c>
      <c r="E17" t="s">
        <v>306</v>
      </c>
      <c r="F17" t="s">
        <v>332</v>
      </c>
      <c r="G17" t="s">
        <v>367</v>
      </c>
      <c r="H17" t="s">
        <v>426</v>
      </c>
      <c r="I17" t="s">
        <v>471</v>
      </c>
      <c r="J17" t="s">
        <v>497</v>
      </c>
      <c r="K17" t="s">
        <v>532</v>
      </c>
      <c r="L17" t="s">
        <v>595</v>
      </c>
      <c r="M17" t="s">
        <v>650</v>
      </c>
      <c r="N17" t="s">
        <v>713</v>
      </c>
      <c r="O17" t="s">
        <v>747</v>
      </c>
      <c r="P17" t="s">
        <v>335</v>
      </c>
      <c r="Q17" t="s">
        <v>793</v>
      </c>
      <c r="R17" t="s">
        <v>812</v>
      </c>
      <c r="S17" t="s">
        <v>830</v>
      </c>
      <c r="T17" t="s">
        <v>857</v>
      </c>
      <c r="U17" t="s">
        <v>932</v>
      </c>
      <c r="V17" t="s">
        <v>974</v>
      </c>
      <c r="W17" t="s">
        <v>1008</v>
      </c>
      <c r="X17" t="s">
        <v>1062</v>
      </c>
      <c r="Y17" t="s">
        <v>1090</v>
      </c>
      <c r="Z17" t="s">
        <v>1110</v>
      </c>
      <c r="AA17" t="s">
        <v>1137</v>
      </c>
      <c r="AB17" t="s">
        <v>1181</v>
      </c>
      <c r="AC17" t="s">
        <v>1222</v>
      </c>
      <c r="AD17" t="s">
        <v>1260</v>
      </c>
      <c r="AE17" t="s">
        <v>218</v>
      </c>
      <c r="AF17" t="s">
        <v>1306</v>
      </c>
      <c r="AG17" t="s">
        <v>1326</v>
      </c>
      <c r="AH17" t="s">
        <v>1353</v>
      </c>
      <c r="AI17" t="s">
        <v>1377</v>
      </c>
      <c r="AJ17" t="s">
        <v>1397</v>
      </c>
      <c r="AK17" t="s">
        <v>1422</v>
      </c>
      <c r="AL17" t="s">
        <v>1439</v>
      </c>
      <c r="AM17" t="s">
        <v>1460</v>
      </c>
      <c r="AN17" t="s">
        <v>1495</v>
      </c>
      <c r="AO17" t="s">
        <v>1554</v>
      </c>
      <c r="AP17" t="s">
        <v>1575</v>
      </c>
      <c r="AQ17" t="s">
        <v>288</v>
      </c>
      <c r="AR17" t="s">
        <v>1640</v>
      </c>
      <c r="AS17" t="s">
        <v>1659</v>
      </c>
      <c r="AT17" t="s">
        <v>1685</v>
      </c>
      <c r="AU17" t="s">
        <v>1729</v>
      </c>
    </row>
    <row r="18" spans="1:47" x14ac:dyDescent="0.4">
      <c r="A18" t="s">
        <v>16</v>
      </c>
      <c r="B18" t="s">
        <v>196</v>
      </c>
      <c r="C18" t="s">
        <v>237</v>
      </c>
      <c r="D18" t="s">
        <v>271</v>
      </c>
      <c r="E18" t="s">
        <v>307</v>
      </c>
      <c r="F18" t="s">
        <v>333</v>
      </c>
      <c r="G18" t="s">
        <v>368</v>
      </c>
      <c r="H18" t="s">
        <v>427</v>
      </c>
      <c r="I18" t="s">
        <v>472</v>
      </c>
      <c r="J18" t="s">
        <v>498</v>
      </c>
      <c r="K18" t="s">
        <v>533</v>
      </c>
      <c r="L18" t="s">
        <v>596</v>
      </c>
      <c r="M18" t="s">
        <v>651</v>
      </c>
      <c r="N18" t="s">
        <v>714</v>
      </c>
      <c r="O18" t="s">
        <v>748</v>
      </c>
      <c r="Q18" t="s">
        <v>794</v>
      </c>
      <c r="R18" t="s">
        <v>813</v>
      </c>
      <c r="S18" t="s">
        <v>831</v>
      </c>
      <c r="T18" t="s">
        <v>858</v>
      </c>
      <c r="U18" t="s">
        <v>933</v>
      </c>
      <c r="V18" t="s">
        <v>975</v>
      </c>
      <c r="W18" t="s">
        <v>1009</v>
      </c>
      <c r="X18" t="s">
        <v>1063</v>
      </c>
      <c r="Y18" t="s">
        <v>1091</v>
      </c>
      <c r="Z18" t="s">
        <v>1111</v>
      </c>
      <c r="AA18" t="s">
        <v>1138</v>
      </c>
      <c r="AB18" t="s">
        <v>1182</v>
      </c>
      <c r="AC18" t="s">
        <v>1223</v>
      </c>
      <c r="AD18" t="s">
        <v>1261</v>
      </c>
      <c r="AE18" t="s">
        <v>1289</v>
      </c>
      <c r="AF18" t="s">
        <v>1307</v>
      </c>
      <c r="AG18" t="s">
        <v>1327</v>
      </c>
      <c r="AH18" t="s">
        <v>1354</v>
      </c>
      <c r="AI18" t="s">
        <v>1378</v>
      </c>
      <c r="AJ18" t="s">
        <v>1398</v>
      </c>
      <c r="AK18" t="s">
        <v>1423</v>
      </c>
      <c r="AL18" t="s">
        <v>1440</v>
      </c>
      <c r="AM18" t="s">
        <v>1461</v>
      </c>
      <c r="AN18" t="s">
        <v>1496</v>
      </c>
      <c r="AO18" t="s">
        <v>1555</v>
      </c>
      <c r="AP18" t="s">
        <v>1576</v>
      </c>
      <c r="AQ18" t="s">
        <v>1597</v>
      </c>
      <c r="AR18" t="s">
        <v>1641</v>
      </c>
      <c r="AS18" t="s">
        <v>1660</v>
      </c>
      <c r="AT18" t="s">
        <v>1686</v>
      </c>
      <c r="AU18" t="s">
        <v>1730</v>
      </c>
    </row>
    <row r="19" spans="1:47" x14ac:dyDescent="0.4">
      <c r="A19" t="s">
        <v>17</v>
      </c>
      <c r="B19" t="s">
        <v>197</v>
      </c>
      <c r="C19" t="s">
        <v>238</v>
      </c>
      <c r="D19" t="s">
        <v>272</v>
      </c>
      <c r="E19" t="s">
        <v>308</v>
      </c>
      <c r="F19" t="s">
        <v>334</v>
      </c>
      <c r="G19" t="s">
        <v>369</v>
      </c>
      <c r="H19" t="s">
        <v>428</v>
      </c>
      <c r="I19" t="s">
        <v>473</v>
      </c>
      <c r="J19" t="s">
        <v>499</v>
      </c>
      <c r="K19" t="s">
        <v>534</v>
      </c>
      <c r="L19" t="s">
        <v>597</v>
      </c>
      <c r="M19" t="s">
        <v>652</v>
      </c>
      <c r="N19" t="s">
        <v>715</v>
      </c>
      <c r="O19" t="s">
        <v>749</v>
      </c>
      <c r="Q19" t="s">
        <v>795</v>
      </c>
      <c r="R19" t="s">
        <v>814</v>
      </c>
      <c r="S19" t="s">
        <v>218</v>
      </c>
      <c r="T19" t="s">
        <v>859</v>
      </c>
      <c r="U19" t="s">
        <v>934</v>
      </c>
      <c r="V19" t="s">
        <v>976</v>
      </c>
      <c r="W19" t="s">
        <v>1010</v>
      </c>
      <c r="X19" t="s">
        <v>1064</v>
      </c>
      <c r="Y19" t="s">
        <v>1092</v>
      </c>
      <c r="Z19" t="s">
        <v>1112</v>
      </c>
      <c r="AA19" t="s">
        <v>1139</v>
      </c>
      <c r="AB19" t="s">
        <v>1183</v>
      </c>
      <c r="AC19" t="s">
        <v>1224</v>
      </c>
      <c r="AD19" t="s">
        <v>811</v>
      </c>
      <c r="AE19" t="s">
        <v>1290</v>
      </c>
      <c r="AF19" t="s">
        <v>1308</v>
      </c>
      <c r="AG19" t="s">
        <v>1328</v>
      </c>
      <c r="AH19" t="s">
        <v>1355</v>
      </c>
      <c r="AI19" t="s">
        <v>1379</v>
      </c>
      <c r="AJ19" t="s">
        <v>1399</v>
      </c>
      <c r="AK19" t="s">
        <v>1424</v>
      </c>
      <c r="AL19" t="s">
        <v>1441</v>
      </c>
      <c r="AM19" t="s">
        <v>1462</v>
      </c>
      <c r="AN19" t="s">
        <v>1497</v>
      </c>
      <c r="AO19" t="s">
        <v>1556</v>
      </c>
      <c r="AP19" t="s">
        <v>1577</v>
      </c>
      <c r="AQ19" t="s">
        <v>1598</v>
      </c>
      <c r="AR19" t="s">
        <v>1642</v>
      </c>
      <c r="AS19" t="s">
        <v>1661</v>
      </c>
      <c r="AT19" t="s">
        <v>1687</v>
      </c>
      <c r="AU19" t="s">
        <v>1731</v>
      </c>
    </row>
    <row r="20" spans="1:47" x14ac:dyDescent="0.4">
      <c r="A20" t="s">
        <v>18</v>
      </c>
      <c r="B20" t="s">
        <v>198</v>
      </c>
      <c r="C20" t="s">
        <v>239</v>
      </c>
      <c r="D20" t="s">
        <v>273</v>
      </c>
      <c r="E20" t="s">
        <v>309</v>
      </c>
      <c r="F20" t="s">
        <v>335</v>
      </c>
      <c r="G20" t="s">
        <v>370</v>
      </c>
      <c r="H20" t="s">
        <v>429</v>
      </c>
      <c r="I20" t="s">
        <v>474</v>
      </c>
      <c r="J20" t="s">
        <v>500</v>
      </c>
      <c r="K20" t="s">
        <v>535</v>
      </c>
      <c r="L20" t="s">
        <v>598</v>
      </c>
      <c r="M20" t="s">
        <v>653</v>
      </c>
      <c r="N20" t="s">
        <v>716</v>
      </c>
      <c r="O20" t="s">
        <v>750</v>
      </c>
      <c r="Q20" t="s">
        <v>796</v>
      </c>
      <c r="S20" t="s">
        <v>832</v>
      </c>
      <c r="T20" t="s">
        <v>860</v>
      </c>
      <c r="U20" t="s">
        <v>935</v>
      </c>
      <c r="V20" t="s">
        <v>977</v>
      </c>
      <c r="W20" t="s">
        <v>1011</v>
      </c>
      <c r="X20" t="s">
        <v>335</v>
      </c>
      <c r="Y20" t="s">
        <v>1093</v>
      </c>
      <c r="Z20" t="s">
        <v>1113</v>
      </c>
      <c r="AA20" t="s">
        <v>1140</v>
      </c>
      <c r="AB20" t="s">
        <v>1184</v>
      </c>
      <c r="AC20" t="s">
        <v>346</v>
      </c>
      <c r="AD20" t="s">
        <v>144</v>
      </c>
      <c r="AE20" t="s">
        <v>1089</v>
      </c>
      <c r="AF20" t="s">
        <v>1309</v>
      </c>
      <c r="AG20" t="s">
        <v>1329</v>
      </c>
      <c r="AH20" t="s">
        <v>1356</v>
      </c>
      <c r="AI20" t="s">
        <v>1380</v>
      </c>
      <c r="AJ20" t="s">
        <v>1400</v>
      </c>
      <c r="AL20" t="s">
        <v>1442</v>
      </c>
      <c r="AM20" t="s">
        <v>1463</v>
      </c>
      <c r="AN20" t="s">
        <v>1498</v>
      </c>
      <c r="AO20" t="s">
        <v>1557</v>
      </c>
      <c r="AP20" t="s">
        <v>1578</v>
      </c>
      <c r="AQ20" t="s">
        <v>1599</v>
      </c>
      <c r="AR20" t="s">
        <v>1643</v>
      </c>
      <c r="AS20" t="s">
        <v>1662</v>
      </c>
      <c r="AT20" t="s">
        <v>1688</v>
      </c>
      <c r="AU20" t="s">
        <v>1732</v>
      </c>
    </row>
    <row r="21" spans="1:47" x14ac:dyDescent="0.4">
      <c r="A21" t="s">
        <v>19</v>
      </c>
      <c r="B21" t="s">
        <v>199</v>
      </c>
      <c r="C21" t="s">
        <v>240</v>
      </c>
      <c r="D21" t="s">
        <v>274</v>
      </c>
      <c r="E21" t="s">
        <v>310</v>
      </c>
      <c r="F21" t="s">
        <v>336</v>
      </c>
      <c r="G21" t="s">
        <v>371</v>
      </c>
      <c r="H21" t="s">
        <v>430</v>
      </c>
      <c r="I21" t="s">
        <v>475</v>
      </c>
      <c r="J21" t="s">
        <v>501</v>
      </c>
      <c r="K21" t="s">
        <v>536</v>
      </c>
      <c r="L21" t="s">
        <v>599</v>
      </c>
      <c r="M21" t="s">
        <v>654</v>
      </c>
      <c r="N21" t="s">
        <v>717</v>
      </c>
      <c r="O21" t="s">
        <v>751</v>
      </c>
      <c r="Q21" t="s">
        <v>797</v>
      </c>
      <c r="S21" t="s">
        <v>833</v>
      </c>
      <c r="T21" t="s">
        <v>861</v>
      </c>
      <c r="U21" t="s">
        <v>936</v>
      </c>
      <c r="V21" t="s">
        <v>978</v>
      </c>
      <c r="W21" t="s">
        <v>1012</v>
      </c>
      <c r="X21" t="s">
        <v>1065</v>
      </c>
      <c r="Y21" t="s">
        <v>1094</v>
      </c>
      <c r="Z21" t="s">
        <v>1114</v>
      </c>
      <c r="AA21" t="s">
        <v>1141</v>
      </c>
      <c r="AB21" t="s">
        <v>1185</v>
      </c>
      <c r="AC21" t="s">
        <v>1225</v>
      </c>
      <c r="AD21" t="s">
        <v>1262</v>
      </c>
      <c r="AE21" t="s">
        <v>1291</v>
      </c>
      <c r="AF21" t="s">
        <v>1310</v>
      </c>
      <c r="AG21" t="s">
        <v>1330</v>
      </c>
      <c r="AH21" t="s">
        <v>1357</v>
      </c>
      <c r="AI21" t="s">
        <v>1381</v>
      </c>
      <c r="AJ21" t="s">
        <v>1401</v>
      </c>
      <c r="AL21" t="s">
        <v>1443</v>
      </c>
      <c r="AM21" t="s">
        <v>1464</v>
      </c>
      <c r="AN21" t="s">
        <v>1499</v>
      </c>
      <c r="AO21" t="s">
        <v>1558</v>
      </c>
      <c r="AP21" t="s">
        <v>1579</v>
      </c>
      <c r="AQ21" t="s">
        <v>1600</v>
      </c>
      <c r="AS21" t="s">
        <v>1663</v>
      </c>
      <c r="AT21" t="s">
        <v>1689</v>
      </c>
      <c r="AU21" t="s">
        <v>1733</v>
      </c>
    </row>
    <row r="22" spans="1:47" x14ac:dyDescent="0.4">
      <c r="A22" t="s">
        <v>20</v>
      </c>
      <c r="B22" t="s">
        <v>200</v>
      </c>
      <c r="C22" t="s">
        <v>241</v>
      </c>
      <c r="D22" t="s">
        <v>275</v>
      </c>
      <c r="E22" t="s">
        <v>311</v>
      </c>
      <c r="F22" t="s">
        <v>337</v>
      </c>
      <c r="G22" t="s">
        <v>372</v>
      </c>
      <c r="H22" t="s">
        <v>431</v>
      </c>
      <c r="I22" t="s">
        <v>476</v>
      </c>
      <c r="J22" t="s">
        <v>502</v>
      </c>
      <c r="K22" t="s">
        <v>537</v>
      </c>
      <c r="L22" t="s">
        <v>600</v>
      </c>
      <c r="M22" t="s">
        <v>655</v>
      </c>
      <c r="N22" t="s">
        <v>718</v>
      </c>
      <c r="O22" t="s">
        <v>752</v>
      </c>
      <c r="S22" t="s">
        <v>834</v>
      </c>
      <c r="T22" t="s">
        <v>862</v>
      </c>
      <c r="U22" t="s">
        <v>937</v>
      </c>
      <c r="V22" t="s">
        <v>979</v>
      </c>
      <c r="W22" t="s">
        <v>1013</v>
      </c>
      <c r="X22" t="s">
        <v>1066</v>
      </c>
      <c r="Z22" t="s">
        <v>1115</v>
      </c>
      <c r="AA22" t="s">
        <v>1142</v>
      </c>
      <c r="AB22" t="s">
        <v>1186</v>
      </c>
      <c r="AC22" t="s">
        <v>1226</v>
      </c>
      <c r="AD22" t="s">
        <v>1263</v>
      </c>
      <c r="AG22" t="s">
        <v>1331</v>
      </c>
      <c r="AH22" t="s">
        <v>1358</v>
      </c>
      <c r="AJ22" t="s">
        <v>1402</v>
      </c>
      <c r="AL22" t="s">
        <v>1444</v>
      </c>
      <c r="AM22" t="s">
        <v>1465</v>
      </c>
      <c r="AN22" t="s">
        <v>1500</v>
      </c>
      <c r="AO22" t="s">
        <v>1559</v>
      </c>
      <c r="AP22" t="s">
        <v>1580</v>
      </c>
      <c r="AQ22" t="s">
        <v>1601</v>
      </c>
      <c r="AS22" t="s">
        <v>1664</v>
      </c>
      <c r="AT22" t="s">
        <v>1690</v>
      </c>
      <c r="AU22" t="s">
        <v>1734</v>
      </c>
    </row>
    <row r="23" spans="1:47" x14ac:dyDescent="0.4">
      <c r="A23" t="s">
        <v>21</v>
      </c>
      <c r="B23" t="s">
        <v>201</v>
      </c>
      <c r="C23" t="s">
        <v>242</v>
      </c>
      <c r="D23" t="s">
        <v>276</v>
      </c>
      <c r="E23" t="s">
        <v>312</v>
      </c>
      <c r="F23" t="s">
        <v>338</v>
      </c>
      <c r="G23" t="s">
        <v>373</v>
      </c>
      <c r="H23" t="s">
        <v>432</v>
      </c>
      <c r="I23" t="s">
        <v>477</v>
      </c>
      <c r="J23" t="s">
        <v>503</v>
      </c>
      <c r="K23" t="s">
        <v>538</v>
      </c>
      <c r="L23" t="s">
        <v>601</v>
      </c>
      <c r="M23" t="s">
        <v>656</v>
      </c>
      <c r="N23" t="s">
        <v>719</v>
      </c>
      <c r="O23" t="s">
        <v>753</v>
      </c>
      <c r="S23" t="s">
        <v>835</v>
      </c>
      <c r="T23" t="s">
        <v>863</v>
      </c>
      <c r="U23" t="s">
        <v>938</v>
      </c>
      <c r="V23" t="s">
        <v>980</v>
      </c>
      <c r="W23" t="s">
        <v>1014</v>
      </c>
      <c r="X23" t="s">
        <v>513</v>
      </c>
      <c r="Z23" t="s">
        <v>1116</v>
      </c>
      <c r="AA23" t="s">
        <v>1143</v>
      </c>
      <c r="AB23" t="s">
        <v>1187</v>
      </c>
      <c r="AC23" t="s">
        <v>1227</v>
      </c>
      <c r="AD23" t="s">
        <v>1264</v>
      </c>
      <c r="AG23" t="s">
        <v>1332</v>
      </c>
      <c r="AH23" t="s">
        <v>1359</v>
      </c>
      <c r="AJ23" t="s">
        <v>1403</v>
      </c>
      <c r="AM23" t="s">
        <v>1466</v>
      </c>
      <c r="AN23" t="s">
        <v>1501</v>
      </c>
      <c r="AP23" t="s">
        <v>1581</v>
      </c>
      <c r="AQ23" t="s">
        <v>1602</v>
      </c>
      <c r="AS23" t="s">
        <v>1665</v>
      </c>
      <c r="AT23" t="s">
        <v>1691</v>
      </c>
      <c r="AU23" t="s">
        <v>1735</v>
      </c>
    </row>
    <row r="24" spans="1:47" x14ac:dyDescent="0.4">
      <c r="A24" t="s">
        <v>22</v>
      </c>
      <c r="B24" t="s">
        <v>202</v>
      </c>
      <c r="C24" t="s">
        <v>243</v>
      </c>
      <c r="D24" t="s">
        <v>277</v>
      </c>
      <c r="E24" t="s">
        <v>313</v>
      </c>
      <c r="F24" t="s">
        <v>339</v>
      </c>
      <c r="G24" t="s">
        <v>374</v>
      </c>
      <c r="H24" t="s">
        <v>433</v>
      </c>
      <c r="I24" t="s">
        <v>478</v>
      </c>
      <c r="J24" t="s">
        <v>504</v>
      </c>
      <c r="K24" t="s">
        <v>539</v>
      </c>
      <c r="L24" t="s">
        <v>602</v>
      </c>
      <c r="M24" t="s">
        <v>657</v>
      </c>
      <c r="N24" t="s">
        <v>720</v>
      </c>
      <c r="O24" t="s">
        <v>754</v>
      </c>
      <c r="S24" t="s">
        <v>836</v>
      </c>
      <c r="T24" t="s">
        <v>500</v>
      </c>
      <c r="U24" t="s">
        <v>939</v>
      </c>
      <c r="V24" t="s">
        <v>981</v>
      </c>
      <c r="W24" t="s">
        <v>1015</v>
      </c>
      <c r="X24" t="s">
        <v>1067</v>
      </c>
      <c r="Z24" t="s">
        <v>1117</v>
      </c>
      <c r="AA24" t="s">
        <v>1144</v>
      </c>
      <c r="AB24" t="s">
        <v>1188</v>
      </c>
      <c r="AC24" t="s">
        <v>1228</v>
      </c>
      <c r="AD24" t="s">
        <v>1265</v>
      </c>
      <c r="AG24" t="s">
        <v>1333</v>
      </c>
      <c r="AH24" t="s">
        <v>1360</v>
      </c>
      <c r="AJ24" t="s">
        <v>1404</v>
      </c>
      <c r="AM24" t="s">
        <v>1467</v>
      </c>
      <c r="AN24" t="s">
        <v>1502</v>
      </c>
      <c r="AQ24" t="s">
        <v>1603</v>
      </c>
      <c r="AS24" t="s">
        <v>1666</v>
      </c>
      <c r="AT24" t="s">
        <v>1692</v>
      </c>
      <c r="AU24" t="s">
        <v>1736</v>
      </c>
    </row>
    <row r="25" spans="1:47" x14ac:dyDescent="0.4">
      <c r="A25" t="s">
        <v>23</v>
      </c>
      <c r="B25" t="s">
        <v>203</v>
      </c>
      <c r="C25" t="s">
        <v>244</v>
      </c>
      <c r="D25" t="s">
        <v>278</v>
      </c>
      <c r="E25" t="s">
        <v>314</v>
      </c>
      <c r="F25" t="s">
        <v>340</v>
      </c>
      <c r="G25" t="s">
        <v>375</v>
      </c>
      <c r="H25" t="s">
        <v>434</v>
      </c>
      <c r="I25" t="s">
        <v>479</v>
      </c>
      <c r="J25" t="s">
        <v>505</v>
      </c>
      <c r="K25" t="s">
        <v>540</v>
      </c>
      <c r="L25" t="s">
        <v>603</v>
      </c>
      <c r="M25" t="s">
        <v>658</v>
      </c>
      <c r="N25" t="s">
        <v>721</v>
      </c>
      <c r="O25" t="s">
        <v>755</v>
      </c>
      <c r="S25" t="s">
        <v>837</v>
      </c>
      <c r="T25" t="s">
        <v>864</v>
      </c>
      <c r="U25" t="s">
        <v>940</v>
      </c>
      <c r="V25" t="s">
        <v>982</v>
      </c>
      <c r="W25" t="s">
        <v>1016</v>
      </c>
      <c r="X25" t="s">
        <v>1068</v>
      </c>
      <c r="Z25" t="s">
        <v>1118</v>
      </c>
      <c r="AA25" t="s">
        <v>1145</v>
      </c>
      <c r="AB25" t="s">
        <v>1189</v>
      </c>
      <c r="AC25" t="s">
        <v>1229</v>
      </c>
      <c r="AD25" t="s">
        <v>1266</v>
      </c>
      <c r="AG25" t="s">
        <v>1334</v>
      </c>
      <c r="AH25" t="s">
        <v>1361</v>
      </c>
      <c r="AJ25" t="s">
        <v>1405</v>
      </c>
      <c r="AM25" t="s">
        <v>1468</v>
      </c>
      <c r="AN25" t="s">
        <v>1503</v>
      </c>
      <c r="AQ25" t="s">
        <v>347</v>
      </c>
      <c r="AS25" t="s">
        <v>314</v>
      </c>
      <c r="AT25" t="s">
        <v>1693</v>
      </c>
      <c r="AU25" t="s">
        <v>1737</v>
      </c>
    </row>
    <row r="26" spans="1:47" x14ac:dyDescent="0.4">
      <c r="A26" t="s">
        <v>24</v>
      </c>
      <c r="B26" t="s">
        <v>204</v>
      </c>
      <c r="C26" t="s">
        <v>245</v>
      </c>
      <c r="D26" t="s">
        <v>279</v>
      </c>
      <c r="E26" t="s">
        <v>315</v>
      </c>
      <c r="F26" t="s">
        <v>341</v>
      </c>
      <c r="G26" t="s">
        <v>376</v>
      </c>
      <c r="H26" t="s">
        <v>435</v>
      </c>
      <c r="I26" t="s">
        <v>480</v>
      </c>
      <c r="J26" t="s">
        <v>506</v>
      </c>
      <c r="K26" t="s">
        <v>541</v>
      </c>
      <c r="L26" t="s">
        <v>604</v>
      </c>
      <c r="M26" t="s">
        <v>659</v>
      </c>
      <c r="N26" t="s">
        <v>722</v>
      </c>
      <c r="O26" t="s">
        <v>756</v>
      </c>
      <c r="S26" t="s">
        <v>838</v>
      </c>
      <c r="T26" t="s">
        <v>865</v>
      </c>
      <c r="U26" t="s">
        <v>941</v>
      </c>
      <c r="V26" t="s">
        <v>983</v>
      </c>
      <c r="W26" t="s">
        <v>1017</v>
      </c>
      <c r="X26" t="s">
        <v>1069</v>
      </c>
      <c r="Z26" t="s">
        <v>1119</v>
      </c>
      <c r="AA26" t="s">
        <v>1146</v>
      </c>
      <c r="AB26" t="s">
        <v>1190</v>
      </c>
      <c r="AC26" t="s">
        <v>1230</v>
      </c>
      <c r="AD26" t="s">
        <v>1267</v>
      </c>
      <c r="AG26" t="s">
        <v>1335</v>
      </c>
      <c r="AJ26" t="s">
        <v>1406</v>
      </c>
      <c r="AM26" t="s">
        <v>1469</v>
      </c>
      <c r="AN26" t="s">
        <v>1504</v>
      </c>
      <c r="AQ26" t="s">
        <v>1604</v>
      </c>
      <c r="AS26" t="s">
        <v>1667</v>
      </c>
      <c r="AT26" t="s">
        <v>1694</v>
      </c>
      <c r="AU26" t="s">
        <v>1738</v>
      </c>
    </row>
    <row r="27" spans="1:47" x14ac:dyDescent="0.4">
      <c r="A27" t="s">
        <v>25</v>
      </c>
      <c r="B27" t="s">
        <v>205</v>
      </c>
      <c r="C27" t="s">
        <v>246</v>
      </c>
      <c r="D27" t="s">
        <v>280</v>
      </c>
      <c r="E27" t="s">
        <v>316</v>
      </c>
      <c r="F27" t="s">
        <v>342</v>
      </c>
      <c r="G27" t="s">
        <v>377</v>
      </c>
      <c r="H27" t="s">
        <v>436</v>
      </c>
      <c r="I27" t="s">
        <v>481</v>
      </c>
      <c r="J27" t="s">
        <v>507</v>
      </c>
      <c r="K27" t="s">
        <v>542</v>
      </c>
      <c r="L27" t="s">
        <v>605</v>
      </c>
      <c r="M27" t="s">
        <v>660</v>
      </c>
      <c r="N27" t="s">
        <v>723</v>
      </c>
      <c r="O27" t="s">
        <v>757</v>
      </c>
      <c r="S27" t="s">
        <v>839</v>
      </c>
      <c r="T27" t="s">
        <v>866</v>
      </c>
      <c r="U27" t="s">
        <v>942</v>
      </c>
      <c r="V27" t="s">
        <v>984</v>
      </c>
      <c r="W27" t="s">
        <v>1018</v>
      </c>
      <c r="X27" t="s">
        <v>1070</v>
      </c>
      <c r="Z27" t="s">
        <v>1120</v>
      </c>
      <c r="AA27" t="s">
        <v>1147</v>
      </c>
      <c r="AB27" t="s">
        <v>1191</v>
      </c>
      <c r="AC27" t="s">
        <v>1231</v>
      </c>
      <c r="AD27" t="s">
        <v>1268</v>
      </c>
      <c r="AG27" t="s">
        <v>1336</v>
      </c>
      <c r="AM27" t="s">
        <v>1470</v>
      </c>
      <c r="AN27" t="s">
        <v>1505</v>
      </c>
      <c r="AQ27" t="s">
        <v>882</v>
      </c>
      <c r="AS27" t="s">
        <v>1668</v>
      </c>
      <c r="AT27" t="s">
        <v>1695</v>
      </c>
      <c r="AU27" t="s">
        <v>1739</v>
      </c>
    </row>
    <row r="28" spans="1:47" x14ac:dyDescent="0.4">
      <c r="A28" t="s">
        <v>26</v>
      </c>
      <c r="B28" t="s">
        <v>206</v>
      </c>
      <c r="C28" t="s">
        <v>247</v>
      </c>
      <c r="D28" t="s">
        <v>281</v>
      </c>
      <c r="F28" t="s">
        <v>343</v>
      </c>
      <c r="G28" t="s">
        <v>378</v>
      </c>
      <c r="H28" t="s">
        <v>437</v>
      </c>
      <c r="J28" t="s">
        <v>508</v>
      </c>
      <c r="K28" t="s">
        <v>543</v>
      </c>
      <c r="L28" t="s">
        <v>606</v>
      </c>
      <c r="M28" t="s">
        <v>661</v>
      </c>
      <c r="N28" t="s">
        <v>724</v>
      </c>
      <c r="O28" t="s">
        <v>758</v>
      </c>
      <c r="S28" t="s">
        <v>840</v>
      </c>
      <c r="T28" t="s">
        <v>867</v>
      </c>
      <c r="U28" t="s">
        <v>943</v>
      </c>
      <c r="V28" t="s">
        <v>985</v>
      </c>
      <c r="W28" t="s">
        <v>1019</v>
      </c>
      <c r="X28" t="s">
        <v>1071</v>
      </c>
      <c r="Z28" t="s">
        <v>1121</v>
      </c>
      <c r="AA28" t="s">
        <v>1148</v>
      </c>
      <c r="AB28" t="s">
        <v>1192</v>
      </c>
      <c r="AC28" t="s">
        <v>1232</v>
      </c>
      <c r="AD28" t="s">
        <v>1269</v>
      </c>
      <c r="AG28" t="s">
        <v>1337</v>
      </c>
      <c r="AM28" t="s">
        <v>1471</v>
      </c>
      <c r="AN28" t="s">
        <v>1506</v>
      </c>
      <c r="AQ28" t="s">
        <v>1605</v>
      </c>
      <c r="AS28" t="s">
        <v>1669</v>
      </c>
      <c r="AT28" t="s">
        <v>1696</v>
      </c>
      <c r="AU28" t="s">
        <v>1740</v>
      </c>
    </row>
    <row r="29" spans="1:47" x14ac:dyDescent="0.4">
      <c r="A29" t="s">
        <v>27</v>
      </c>
      <c r="B29" t="s">
        <v>207</v>
      </c>
      <c r="C29" t="s">
        <v>248</v>
      </c>
      <c r="D29" t="s">
        <v>282</v>
      </c>
      <c r="F29" t="s">
        <v>344</v>
      </c>
      <c r="G29" t="s">
        <v>379</v>
      </c>
      <c r="H29" t="s">
        <v>438</v>
      </c>
      <c r="J29" t="s">
        <v>509</v>
      </c>
      <c r="K29" t="s">
        <v>544</v>
      </c>
      <c r="L29" t="s">
        <v>607</v>
      </c>
      <c r="M29" t="s">
        <v>662</v>
      </c>
      <c r="N29" t="s">
        <v>725</v>
      </c>
      <c r="O29" t="s">
        <v>759</v>
      </c>
      <c r="S29" t="s">
        <v>841</v>
      </c>
      <c r="T29" t="s">
        <v>868</v>
      </c>
      <c r="U29" t="s">
        <v>944</v>
      </c>
      <c r="V29" t="s">
        <v>986</v>
      </c>
      <c r="W29" t="s">
        <v>1020</v>
      </c>
      <c r="X29" t="s">
        <v>1072</v>
      </c>
      <c r="AA29" t="s">
        <v>1149</v>
      </c>
      <c r="AB29" t="s">
        <v>1193</v>
      </c>
      <c r="AC29" t="s">
        <v>1233</v>
      </c>
      <c r="AD29" t="s">
        <v>1270</v>
      </c>
      <c r="AG29" t="s">
        <v>1338</v>
      </c>
      <c r="AM29" t="s">
        <v>1472</v>
      </c>
      <c r="AN29" t="s">
        <v>1507</v>
      </c>
      <c r="AQ29" t="s">
        <v>1606</v>
      </c>
      <c r="AT29" t="s">
        <v>1697</v>
      </c>
      <c r="AU29" t="s">
        <v>1741</v>
      </c>
    </row>
    <row r="30" spans="1:47" x14ac:dyDescent="0.4">
      <c r="A30" t="s">
        <v>28</v>
      </c>
      <c r="B30" t="s">
        <v>208</v>
      </c>
      <c r="C30" t="s">
        <v>249</v>
      </c>
      <c r="D30" t="s">
        <v>283</v>
      </c>
      <c r="F30" t="s">
        <v>345</v>
      </c>
      <c r="G30" t="s">
        <v>380</v>
      </c>
      <c r="H30" t="s">
        <v>439</v>
      </c>
      <c r="J30" t="s">
        <v>384</v>
      </c>
      <c r="K30" t="s">
        <v>545</v>
      </c>
      <c r="L30" t="s">
        <v>608</v>
      </c>
      <c r="M30" t="s">
        <v>663</v>
      </c>
      <c r="N30" t="s">
        <v>726</v>
      </c>
      <c r="O30" t="s">
        <v>760</v>
      </c>
      <c r="T30" t="s">
        <v>869</v>
      </c>
      <c r="U30" t="s">
        <v>945</v>
      </c>
      <c r="V30" t="s">
        <v>987</v>
      </c>
      <c r="W30" t="s">
        <v>1021</v>
      </c>
      <c r="X30" t="s">
        <v>1073</v>
      </c>
      <c r="AA30" t="s">
        <v>1150</v>
      </c>
      <c r="AB30" t="s">
        <v>1194</v>
      </c>
      <c r="AC30" t="s">
        <v>1234</v>
      </c>
      <c r="AD30" t="s">
        <v>1271</v>
      </c>
      <c r="AM30" t="s">
        <v>1473</v>
      </c>
      <c r="AN30" t="s">
        <v>1508</v>
      </c>
      <c r="AQ30" t="s">
        <v>1607</v>
      </c>
      <c r="AT30" t="s">
        <v>1698</v>
      </c>
      <c r="AU30" t="s">
        <v>1742</v>
      </c>
    </row>
    <row r="31" spans="1:47" x14ac:dyDescent="0.4">
      <c r="A31" t="s">
        <v>29</v>
      </c>
      <c r="B31" t="s">
        <v>209</v>
      </c>
      <c r="C31" t="s">
        <v>250</v>
      </c>
      <c r="D31" t="s">
        <v>284</v>
      </c>
      <c r="F31" t="s">
        <v>346</v>
      </c>
      <c r="G31" t="s">
        <v>381</v>
      </c>
      <c r="H31" t="s">
        <v>440</v>
      </c>
      <c r="J31" t="s">
        <v>510</v>
      </c>
      <c r="K31" t="s">
        <v>546</v>
      </c>
      <c r="L31" t="s">
        <v>609</v>
      </c>
      <c r="M31" t="s">
        <v>664</v>
      </c>
      <c r="N31" t="s">
        <v>727</v>
      </c>
      <c r="O31" t="s">
        <v>761</v>
      </c>
      <c r="T31" t="s">
        <v>870</v>
      </c>
      <c r="U31" t="s">
        <v>946</v>
      </c>
      <c r="V31" t="s">
        <v>988</v>
      </c>
      <c r="W31" t="s">
        <v>1022</v>
      </c>
      <c r="X31" t="s">
        <v>1074</v>
      </c>
      <c r="AA31" t="s">
        <v>1151</v>
      </c>
      <c r="AB31" t="s">
        <v>1195</v>
      </c>
      <c r="AC31" t="s">
        <v>1235</v>
      </c>
      <c r="AD31" t="s">
        <v>1272</v>
      </c>
      <c r="AM31" t="s">
        <v>1474</v>
      </c>
      <c r="AN31" t="s">
        <v>1509</v>
      </c>
      <c r="AQ31" t="s">
        <v>1608</v>
      </c>
      <c r="AT31" t="s">
        <v>1699</v>
      </c>
      <c r="AU31" t="s">
        <v>1743</v>
      </c>
    </row>
    <row r="32" spans="1:47" x14ac:dyDescent="0.4">
      <c r="A32" t="s">
        <v>30</v>
      </c>
      <c r="B32" t="s">
        <v>210</v>
      </c>
      <c r="C32" t="s">
        <v>251</v>
      </c>
      <c r="D32" t="s">
        <v>285</v>
      </c>
      <c r="F32" t="s">
        <v>347</v>
      </c>
      <c r="G32" t="s">
        <v>382</v>
      </c>
      <c r="H32" t="s">
        <v>441</v>
      </c>
      <c r="J32" t="s">
        <v>511</v>
      </c>
      <c r="K32" t="s">
        <v>547</v>
      </c>
      <c r="L32" t="s">
        <v>610</v>
      </c>
      <c r="M32" t="s">
        <v>665</v>
      </c>
      <c r="N32" t="s">
        <v>728</v>
      </c>
      <c r="O32" t="s">
        <v>762</v>
      </c>
      <c r="T32" t="s">
        <v>871</v>
      </c>
      <c r="U32" t="s">
        <v>947</v>
      </c>
      <c r="V32" t="s">
        <v>156</v>
      </c>
      <c r="W32" t="s">
        <v>1023</v>
      </c>
      <c r="AA32" t="s">
        <v>1152</v>
      </c>
      <c r="AB32" t="s">
        <v>1196</v>
      </c>
      <c r="AC32" t="s">
        <v>1236</v>
      </c>
      <c r="AD32" t="s">
        <v>1273</v>
      </c>
      <c r="AM32" t="s">
        <v>1475</v>
      </c>
      <c r="AN32" t="s">
        <v>1510</v>
      </c>
      <c r="AQ32" t="s">
        <v>1609</v>
      </c>
      <c r="AT32" t="s">
        <v>1700</v>
      </c>
      <c r="AU32" t="s">
        <v>1744</v>
      </c>
    </row>
    <row r="33" spans="1:47" x14ac:dyDescent="0.4">
      <c r="A33" t="s">
        <v>31</v>
      </c>
      <c r="B33" t="s">
        <v>211</v>
      </c>
      <c r="C33" t="s">
        <v>252</v>
      </c>
      <c r="D33" t="s">
        <v>286</v>
      </c>
      <c r="F33" t="s">
        <v>348</v>
      </c>
      <c r="G33" t="s">
        <v>383</v>
      </c>
      <c r="H33" t="s">
        <v>442</v>
      </c>
      <c r="J33" t="s">
        <v>512</v>
      </c>
      <c r="K33" t="s">
        <v>548</v>
      </c>
      <c r="L33" t="s">
        <v>611</v>
      </c>
      <c r="M33" t="s">
        <v>666</v>
      </c>
      <c r="N33" t="s">
        <v>729</v>
      </c>
      <c r="T33" t="s">
        <v>872</v>
      </c>
      <c r="U33" t="s">
        <v>948</v>
      </c>
      <c r="V33" t="s">
        <v>989</v>
      </c>
      <c r="W33" t="s">
        <v>1024</v>
      </c>
      <c r="AA33" t="s">
        <v>1153</v>
      </c>
      <c r="AB33" t="s">
        <v>1197</v>
      </c>
      <c r="AC33" t="s">
        <v>1237</v>
      </c>
      <c r="AM33" t="s">
        <v>1476</v>
      </c>
      <c r="AN33" t="s">
        <v>1511</v>
      </c>
      <c r="AQ33" t="s">
        <v>1610</v>
      </c>
      <c r="AT33" t="s">
        <v>1701</v>
      </c>
      <c r="AU33" t="s">
        <v>1745</v>
      </c>
    </row>
    <row r="34" spans="1:47" x14ac:dyDescent="0.4">
      <c r="A34" t="s">
        <v>32</v>
      </c>
      <c r="B34" t="s">
        <v>212</v>
      </c>
      <c r="C34" t="s">
        <v>253</v>
      </c>
      <c r="D34" t="s">
        <v>287</v>
      </c>
      <c r="F34" t="s">
        <v>349</v>
      </c>
      <c r="G34" t="s">
        <v>338</v>
      </c>
      <c r="H34" t="s">
        <v>443</v>
      </c>
      <c r="J34" t="s">
        <v>513</v>
      </c>
      <c r="K34" t="s">
        <v>549</v>
      </c>
      <c r="L34" t="s">
        <v>612</v>
      </c>
      <c r="M34" t="s">
        <v>667</v>
      </c>
      <c r="N34" t="s">
        <v>730</v>
      </c>
      <c r="T34" t="s">
        <v>873</v>
      </c>
      <c r="U34" t="s">
        <v>163</v>
      </c>
      <c r="V34" t="s">
        <v>990</v>
      </c>
      <c r="W34" t="s">
        <v>1025</v>
      </c>
      <c r="AA34" t="s">
        <v>1154</v>
      </c>
      <c r="AB34" t="s">
        <v>1198</v>
      </c>
      <c r="AC34" t="s">
        <v>1238</v>
      </c>
      <c r="AM34" t="s">
        <v>1477</v>
      </c>
      <c r="AN34" t="s">
        <v>1512</v>
      </c>
      <c r="AQ34" t="s">
        <v>1611</v>
      </c>
      <c r="AT34" t="s">
        <v>1702</v>
      </c>
      <c r="AU34" t="s">
        <v>1746</v>
      </c>
    </row>
    <row r="35" spans="1:47" x14ac:dyDescent="0.4">
      <c r="A35" t="s">
        <v>33</v>
      </c>
      <c r="B35" t="s">
        <v>213</v>
      </c>
      <c r="C35" t="s">
        <v>254</v>
      </c>
      <c r="D35" t="s">
        <v>288</v>
      </c>
      <c r="F35" t="s">
        <v>350</v>
      </c>
      <c r="G35" t="s">
        <v>384</v>
      </c>
      <c r="H35" t="s">
        <v>444</v>
      </c>
      <c r="J35" t="s">
        <v>514</v>
      </c>
      <c r="K35" t="s">
        <v>550</v>
      </c>
      <c r="L35" t="s">
        <v>613</v>
      </c>
      <c r="M35" t="s">
        <v>668</v>
      </c>
      <c r="N35" t="s">
        <v>731</v>
      </c>
      <c r="T35" t="s">
        <v>874</v>
      </c>
      <c r="U35" t="s">
        <v>949</v>
      </c>
      <c r="V35" t="s">
        <v>991</v>
      </c>
      <c r="W35" t="s">
        <v>1026</v>
      </c>
      <c r="AA35" t="s">
        <v>1155</v>
      </c>
      <c r="AB35" t="s">
        <v>1199</v>
      </c>
      <c r="AC35" t="s">
        <v>1239</v>
      </c>
      <c r="AM35" t="s">
        <v>1478</v>
      </c>
      <c r="AN35" t="s">
        <v>1513</v>
      </c>
      <c r="AQ35" t="s">
        <v>1612</v>
      </c>
      <c r="AT35" t="s">
        <v>1703</v>
      </c>
      <c r="AU35" t="s">
        <v>1747</v>
      </c>
    </row>
    <row r="36" spans="1:47" x14ac:dyDescent="0.4">
      <c r="A36" t="s">
        <v>34</v>
      </c>
      <c r="B36" t="s">
        <v>214</v>
      </c>
      <c r="D36" t="s">
        <v>289</v>
      </c>
      <c r="F36" t="s">
        <v>351</v>
      </c>
      <c r="G36" t="s">
        <v>385</v>
      </c>
      <c r="H36" t="s">
        <v>445</v>
      </c>
      <c r="J36" t="s">
        <v>515</v>
      </c>
      <c r="K36" t="s">
        <v>551</v>
      </c>
      <c r="L36" t="s">
        <v>614</v>
      </c>
      <c r="M36" t="s">
        <v>669</v>
      </c>
      <c r="T36" t="s">
        <v>875</v>
      </c>
      <c r="U36" t="s">
        <v>950</v>
      </c>
      <c r="V36" t="s">
        <v>992</v>
      </c>
      <c r="W36" t="s">
        <v>1027</v>
      </c>
      <c r="AA36" t="s">
        <v>1156</v>
      </c>
      <c r="AB36" t="s">
        <v>1200</v>
      </c>
      <c r="AC36" t="s">
        <v>1240</v>
      </c>
      <c r="AM36" t="s">
        <v>1479</v>
      </c>
      <c r="AN36" t="s">
        <v>1514</v>
      </c>
      <c r="AQ36" t="s">
        <v>1613</v>
      </c>
      <c r="AT36" t="s">
        <v>1704</v>
      </c>
      <c r="AU36" t="s">
        <v>1748</v>
      </c>
    </row>
    <row r="37" spans="1:47" x14ac:dyDescent="0.4">
      <c r="A37" t="s">
        <v>35</v>
      </c>
      <c r="B37" t="s">
        <v>215</v>
      </c>
      <c r="D37" t="s">
        <v>290</v>
      </c>
      <c r="F37" t="s">
        <v>352</v>
      </c>
      <c r="G37" t="s">
        <v>386</v>
      </c>
      <c r="H37" t="s">
        <v>446</v>
      </c>
      <c r="J37" t="s">
        <v>516</v>
      </c>
      <c r="K37" t="s">
        <v>552</v>
      </c>
      <c r="L37" t="s">
        <v>615</v>
      </c>
      <c r="M37" t="s">
        <v>670</v>
      </c>
      <c r="T37" t="s">
        <v>876</v>
      </c>
      <c r="U37" t="s">
        <v>951</v>
      </c>
      <c r="V37" t="s">
        <v>44</v>
      </c>
      <c r="W37" t="s">
        <v>1028</v>
      </c>
      <c r="AA37" t="s">
        <v>1157</v>
      </c>
      <c r="AB37" t="s">
        <v>1201</v>
      </c>
      <c r="AC37" t="s">
        <v>1241</v>
      </c>
      <c r="AN37" t="s">
        <v>1515</v>
      </c>
      <c r="AQ37" t="s">
        <v>1614</v>
      </c>
      <c r="AT37" t="s">
        <v>1705</v>
      </c>
      <c r="AU37" t="s">
        <v>1749</v>
      </c>
    </row>
    <row r="38" spans="1:47" x14ac:dyDescent="0.4">
      <c r="A38" t="s">
        <v>36</v>
      </c>
      <c r="B38" t="s">
        <v>216</v>
      </c>
      <c r="G38" t="s">
        <v>387</v>
      </c>
      <c r="H38" t="s">
        <v>447</v>
      </c>
      <c r="K38" t="s">
        <v>553</v>
      </c>
      <c r="L38" t="s">
        <v>616</v>
      </c>
      <c r="M38" t="s">
        <v>671</v>
      </c>
      <c r="T38" t="s">
        <v>877</v>
      </c>
      <c r="U38" t="s">
        <v>952</v>
      </c>
      <c r="W38" t="s">
        <v>1029</v>
      </c>
      <c r="AA38" t="s">
        <v>1158</v>
      </c>
      <c r="AB38" t="s">
        <v>1202</v>
      </c>
      <c r="AC38" t="s">
        <v>1242</v>
      </c>
      <c r="AN38" t="s">
        <v>1516</v>
      </c>
      <c r="AQ38" t="s">
        <v>1615</v>
      </c>
      <c r="AT38" t="s">
        <v>1706</v>
      </c>
      <c r="AU38" t="s">
        <v>1750</v>
      </c>
    </row>
    <row r="39" spans="1:47" x14ac:dyDescent="0.4">
      <c r="A39" t="s">
        <v>37</v>
      </c>
      <c r="B39" t="s">
        <v>217</v>
      </c>
      <c r="G39" t="s">
        <v>388</v>
      </c>
      <c r="H39" t="s">
        <v>448</v>
      </c>
      <c r="K39" t="s">
        <v>554</v>
      </c>
      <c r="L39" t="s">
        <v>617</v>
      </c>
      <c r="M39" t="s">
        <v>672</v>
      </c>
      <c r="T39" t="s">
        <v>878</v>
      </c>
      <c r="U39" t="s">
        <v>953</v>
      </c>
      <c r="W39" t="s">
        <v>1030</v>
      </c>
      <c r="AA39" t="s">
        <v>1159</v>
      </c>
      <c r="AB39" t="s">
        <v>1163</v>
      </c>
      <c r="AC39" t="s">
        <v>1243</v>
      </c>
      <c r="AN39" t="s">
        <v>1517</v>
      </c>
      <c r="AQ39" t="s">
        <v>1616</v>
      </c>
      <c r="AT39" t="s">
        <v>1707</v>
      </c>
      <c r="AU39" t="s">
        <v>1751</v>
      </c>
    </row>
    <row r="40" spans="1:47" x14ac:dyDescent="0.4">
      <c r="A40" t="s">
        <v>38</v>
      </c>
      <c r="B40" t="s">
        <v>218</v>
      </c>
      <c r="G40" t="s">
        <v>389</v>
      </c>
      <c r="H40" t="s">
        <v>449</v>
      </c>
      <c r="K40" t="s">
        <v>555</v>
      </c>
      <c r="L40" t="s">
        <v>618</v>
      </c>
      <c r="M40" t="s">
        <v>673</v>
      </c>
      <c r="T40" t="s">
        <v>879</v>
      </c>
      <c r="U40" t="s">
        <v>954</v>
      </c>
      <c r="W40" t="s">
        <v>1031</v>
      </c>
      <c r="AA40" t="s">
        <v>1160</v>
      </c>
      <c r="AB40" t="s">
        <v>1203</v>
      </c>
      <c r="AC40" t="s">
        <v>863</v>
      </c>
      <c r="AN40" t="s">
        <v>1518</v>
      </c>
      <c r="AQ40" t="s">
        <v>1617</v>
      </c>
      <c r="AT40" t="s">
        <v>1708</v>
      </c>
      <c r="AU40" t="s">
        <v>1752</v>
      </c>
    </row>
    <row r="41" spans="1:47" x14ac:dyDescent="0.4">
      <c r="A41" t="s">
        <v>39</v>
      </c>
      <c r="B41" t="s">
        <v>219</v>
      </c>
      <c r="G41" t="s">
        <v>390</v>
      </c>
      <c r="H41" t="s">
        <v>450</v>
      </c>
      <c r="K41" t="s">
        <v>556</v>
      </c>
      <c r="L41" t="s">
        <v>619</v>
      </c>
      <c r="M41" t="s">
        <v>674</v>
      </c>
      <c r="T41" t="s">
        <v>880</v>
      </c>
      <c r="U41" t="s">
        <v>955</v>
      </c>
      <c r="W41" t="s">
        <v>1032</v>
      </c>
      <c r="AA41" t="s">
        <v>1161</v>
      </c>
      <c r="AB41" t="s">
        <v>1204</v>
      </c>
      <c r="AC41" t="s">
        <v>1244</v>
      </c>
      <c r="AN41" t="s">
        <v>1519</v>
      </c>
      <c r="AQ41" t="s">
        <v>1618</v>
      </c>
      <c r="AT41" t="s">
        <v>1709</v>
      </c>
      <c r="AU41" t="s">
        <v>1753</v>
      </c>
    </row>
    <row r="42" spans="1:47" x14ac:dyDescent="0.4">
      <c r="A42" t="s">
        <v>40</v>
      </c>
      <c r="B42" t="s">
        <v>220</v>
      </c>
      <c r="G42" t="s">
        <v>391</v>
      </c>
      <c r="H42" t="s">
        <v>451</v>
      </c>
      <c r="K42" t="s">
        <v>557</v>
      </c>
      <c r="L42" t="s">
        <v>620</v>
      </c>
      <c r="M42" t="s">
        <v>675</v>
      </c>
      <c r="T42" t="s">
        <v>881</v>
      </c>
      <c r="U42" t="s">
        <v>956</v>
      </c>
      <c r="W42" t="s">
        <v>1033</v>
      </c>
      <c r="AA42" t="s">
        <v>1162</v>
      </c>
      <c r="AB42" t="s">
        <v>1205</v>
      </c>
      <c r="AN42" t="s">
        <v>1520</v>
      </c>
      <c r="AQ42" t="s">
        <v>1619</v>
      </c>
      <c r="AT42" t="s">
        <v>1710</v>
      </c>
      <c r="AU42" t="s">
        <v>1754</v>
      </c>
    </row>
    <row r="43" spans="1:47" x14ac:dyDescent="0.4">
      <c r="A43" t="s">
        <v>41</v>
      </c>
      <c r="G43" t="s">
        <v>392</v>
      </c>
      <c r="H43" t="s">
        <v>452</v>
      </c>
      <c r="K43" t="s">
        <v>558</v>
      </c>
      <c r="L43" t="s">
        <v>621</v>
      </c>
      <c r="M43" t="s">
        <v>676</v>
      </c>
      <c r="T43" t="s">
        <v>882</v>
      </c>
      <c r="U43" t="s">
        <v>957</v>
      </c>
      <c r="W43" t="s">
        <v>1034</v>
      </c>
      <c r="AA43" t="s">
        <v>1163</v>
      </c>
      <c r="AB43" t="s">
        <v>1206</v>
      </c>
      <c r="AN43" t="s">
        <v>1521</v>
      </c>
      <c r="AQ43" t="s">
        <v>1620</v>
      </c>
      <c r="AT43" t="s">
        <v>1711</v>
      </c>
      <c r="AU43" t="s">
        <v>1755</v>
      </c>
    </row>
    <row r="44" spans="1:47" x14ac:dyDescent="0.4">
      <c r="A44" t="s">
        <v>42</v>
      </c>
      <c r="G44" t="s">
        <v>393</v>
      </c>
      <c r="H44" t="s">
        <v>453</v>
      </c>
      <c r="K44" t="s">
        <v>559</v>
      </c>
      <c r="L44" t="s">
        <v>622</v>
      </c>
      <c r="M44" t="s">
        <v>677</v>
      </c>
      <c r="T44" t="s">
        <v>883</v>
      </c>
      <c r="U44" t="s">
        <v>958</v>
      </c>
      <c r="W44" t="s">
        <v>1035</v>
      </c>
      <c r="AA44" t="s">
        <v>1164</v>
      </c>
      <c r="AN44" t="s">
        <v>1522</v>
      </c>
      <c r="AQ44" t="s">
        <v>1621</v>
      </c>
      <c r="AT44" t="s">
        <v>1712</v>
      </c>
    </row>
    <row r="45" spans="1:47" x14ac:dyDescent="0.4">
      <c r="A45" t="s">
        <v>43</v>
      </c>
      <c r="G45" t="s">
        <v>394</v>
      </c>
      <c r="H45" t="s">
        <v>454</v>
      </c>
      <c r="K45" t="s">
        <v>560</v>
      </c>
      <c r="L45" t="s">
        <v>623</v>
      </c>
      <c r="M45" t="s">
        <v>678</v>
      </c>
      <c r="T45" t="s">
        <v>884</v>
      </c>
      <c r="W45" t="s">
        <v>1036</v>
      </c>
      <c r="AA45" t="s">
        <v>1165</v>
      </c>
      <c r="AN45" t="s">
        <v>1523</v>
      </c>
      <c r="AQ45" t="s">
        <v>1622</v>
      </c>
      <c r="AT45" t="s">
        <v>1713</v>
      </c>
    </row>
    <row r="46" spans="1:47" x14ac:dyDescent="0.4">
      <c r="A46" t="s">
        <v>44</v>
      </c>
      <c r="G46" t="s">
        <v>395</v>
      </c>
      <c r="H46" t="s">
        <v>455</v>
      </c>
      <c r="K46" t="s">
        <v>561</v>
      </c>
      <c r="L46" t="s">
        <v>624</v>
      </c>
      <c r="M46" t="s">
        <v>679</v>
      </c>
      <c r="T46" t="s">
        <v>885</v>
      </c>
      <c r="W46" t="s">
        <v>1037</v>
      </c>
      <c r="AN46" t="s">
        <v>1524</v>
      </c>
      <c r="AQ46" t="s">
        <v>1623</v>
      </c>
    </row>
    <row r="47" spans="1:47" x14ac:dyDescent="0.4">
      <c r="A47" t="s">
        <v>45</v>
      </c>
      <c r="G47" t="s">
        <v>396</v>
      </c>
      <c r="K47" t="s">
        <v>562</v>
      </c>
      <c r="L47" t="s">
        <v>625</v>
      </c>
      <c r="M47" t="s">
        <v>680</v>
      </c>
      <c r="T47" t="s">
        <v>886</v>
      </c>
      <c r="W47" t="s">
        <v>1038</v>
      </c>
      <c r="AN47" t="s">
        <v>1525</v>
      </c>
      <c r="AQ47" t="s">
        <v>1624</v>
      </c>
    </row>
    <row r="48" spans="1:47" x14ac:dyDescent="0.4">
      <c r="A48" t="s">
        <v>46</v>
      </c>
      <c r="G48" t="s">
        <v>397</v>
      </c>
      <c r="K48" t="s">
        <v>563</v>
      </c>
      <c r="L48" t="s">
        <v>626</v>
      </c>
      <c r="M48" t="s">
        <v>681</v>
      </c>
      <c r="T48" t="s">
        <v>887</v>
      </c>
      <c r="W48" t="s">
        <v>1039</v>
      </c>
      <c r="AN48" t="s">
        <v>1526</v>
      </c>
    </row>
    <row r="49" spans="1:40" x14ac:dyDescent="0.4">
      <c r="A49" t="s">
        <v>47</v>
      </c>
      <c r="G49" t="s">
        <v>398</v>
      </c>
      <c r="K49" t="s">
        <v>564</v>
      </c>
      <c r="L49" t="s">
        <v>627</v>
      </c>
      <c r="M49" t="s">
        <v>682</v>
      </c>
      <c r="T49" t="s">
        <v>888</v>
      </c>
      <c r="W49" t="s">
        <v>1040</v>
      </c>
      <c r="AN49" t="s">
        <v>1527</v>
      </c>
    </row>
    <row r="50" spans="1:40" x14ac:dyDescent="0.4">
      <c r="A50" t="s">
        <v>48</v>
      </c>
      <c r="G50" t="s">
        <v>399</v>
      </c>
      <c r="K50" t="s">
        <v>565</v>
      </c>
      <c r="L50" t="s">
        <v>628</v>
      </c>
      <c r="M50" t="s">
        <v>683</v>
      </c>
      <c r="T50" t="s">
        <v>889</v>
      </c>
      <c r="W50" t="s">
        <v>1041</v>
      </c>
      <c r="AN50" t="s">
        <v>1260</v>
      </c>
    </row>
    <row r="51" spans="1:40" x14ac:dyDescent="0.4">
      <c r="A51" t="s">
        <v>49</v>
      </c>
      <c r="G51" t="s">
        <v>400</v>
      </c>
      <c r="K51" t="s">
        <v>566</v>
      </c>
      <c r="L51" t="s">
        <v>629</v>
      </c>
      <c r="M51" t="s">
        <v>684</v>
      </c>
      <c r="T51" t="s">
        <v>890</v>
      </c>
      <c r="W51" t="s">
        <v>811</v>
      </c>
      <c r="AN51" t="s">
        <v>1528</v>
      </c>
    </row>
    <row r="52" spans="1:40" x14ac:dyDescent="0.4">
      <c r="A52" t="s">
        <v>50</v>
      </c>
      <c r="G52" t="s">
        <v>401</v>
      </c>
      <c r="K52" t="s">
        <v>567</v>
      </c>
      <c r="L52" t="s">
        <v>630</v>
      </c>
      <c r="M52" t="s">
        <v>685</v>
      </c>
      <c r="T52" t="s">
        <v>891</v>
      </c>
      <c r="W52" t="s">
        <v>1042</v>
      </c>
      <c r="AN52" t="s">
        <v>1529</v>
      </c>
    </row>
    <row r="53" spans="1:40" x14ac:dyDescent="0.4">
      <c r="A53" t="s">
        <v>51</v>
      </c>
      <c r="G53" t="s">
        <v>402</v>
      </c>
      <c r="K53" t="s">
        <v>568</v>
      </c>
      <c r="L53" t="s">
        <v>631</v>
      </c>
      <c r="M53" t="s">
        <v>686</v>
      </c>
      <c r="T53" t="s">
        <v>892</v>
      </c>
      <c r="W53" t="s">
        <v>1043</v>
      </c>
      <c r="AN53" t="s">
        <v>1530</v>
      </c>
    </row>
    <row r="54" spans="1:40" x14ac:dyDescent="0.4">
      <c r="A54" t="s">
        <v>52</v>
      </c>
      <c r="G54" t="s">
        <v>403</v>
      </c>
      <c r="K54" t="s">
        <v>569</v>
      </c>
      <c r="L54" t="s">
        <v>632</v>
      </c>
      <c r="M54" t="s">
        <v>687</v>
      </c>
      <c r="T54" t="s">
        <v>893</v>
      </c>
      <c r="W54" t="s">
        <v>1044</v>
      </c>
      <c r="AN54" t="s">
        <v>275</v>
      </c>
    </row>
    <row r="55" spans="1:40" x14ac:dyDescent="0.4">
      <c r="A55" t="s">
        <v>53</v>
      </c>
      <c r="G55" t="s">
        <v>404</v>
      </c>
      <c r="K55" t="s">
        <v>570</v>
      </c>
      <c r="L55" t="s">
        <v>633</v>
      </c>
      <c r="M55" t="s">
        <v>688</v>
      </c>
      <c r="T55" t="s">
        <v>894</v>
      </c>
      <c r="W55" t="s">
        <v>1045</v>
      </c>
      <c r="AN55" t="s">
        <v>1531</v>
      </c>
    </row>
    <row r="56" spans="1:40" x14ac:dyDescent="0.4">
      <c r="A56" t="s">
        <v>54</v>
      </c>
      <c r="G56" t="s">
        <v>405</v>
      </c>
      <c r="K56" t="s">
        <v>571</v>
      </c>
      <c r="L56" t="s">
        <v>634</v>
      </c>
      <c r="M56" t="s">
        <v>689</v>
      </c>
      <c r="T56" t="s">
        <v>895</v>
      </c>
      <c r="W56" t="s">
        <v>1046</v>
      </c>
      <c r="AN56" t="s">
        <v>1532</v>
      </c>
    </row>
    <row r="57" spans="1:40" x14ac:dyDescent="0.4">
      <c r="A57" t="s">
        <v>55</v>
      </c>
      <c r="G57" t="s">
        <v>406</v>
      </c>
      <c r="K57" t="s">
        <v>572</v>
      </c>
      <c r="M57" t="s">
        <v>690</v>
      </c>
      <c r="T57" t="s">
        <v>896</v>
      </c>
      <c r="AN57" t="s">
        <v>1533</v>
      </c>
    </row>
    <row r="58" spans="1:40" x14ac:dyDescent="0.4">
      <c r="A58" t="s">
        <v>56</v>
      </c>
      <c r="G58" t="s">
        <v>407</v>
      </c>
      <c r="K58" t="s">
        <v>573</v>
      </c>
      <c r="M58" t="s">
        <v>691</v>
      </c>
      <c r="T58" t="s">
        <v>897</v>
      </c>
      <c r="AN58" t="s">
        <v>1534</v>
      </c>
    </row>
    <row r="59" spans="1:40" x14ac:dyDescent="0.4">
      <c r="A59" t="s">
        <v>57</v>
      </c>
      <c r="G59" t="s">
        <v>408</v>
      </c>
      <c r="K59" t="s">
        <v>288</v>
      </c>
      <c r="M59" t="s">
        <v>692</v>
      </c>
      <c r="T59" t="s">
        <v>898</v>
      </c>
      <c r="AN59" t="s">
        <v>1535</v>
      </c>
    </row>
    <row r="60" spans="1:40" x14ac:dyDescent="0.4">
      <c r="A60" t="s">
        <v>58</v>
      </c>
      <c r="G60" t="s">
        <v>409</v>
      </c>
      <c r="K60" t="s">
        <v>574</v>
      </c>
      <c r="M60" t="s">
        <v>693</v>
      </c>
      <c r="T60" t="s">
        <v>899</v>
      </c>
      <c r="AN60" t="s">
        <v>1536</v>
      </c>
    </row>
    <row r="61" spans="1:40" x14ac:dyDescent="0.4">
      <c r="A61" t="s">
        <v>59</v>
      </c>
      <c r="G61" t="s">
        <v>410</v>
      </c>
      <c r="K61" t="s">
        <v>575</v>
      </c>
      <c r="M61" t="s">
        <v>694</v>
      </c>
      <c r="T61" t="s">
        <v>900</v>
      </c>
      <c r="AN61" t="s">
        <v>1537</v>
      </c>
    </row>
    <row r="62" spans="1:40" x14ac:dyDescent="0.4">
      <c r="A62" t="s">
        <v>60</v>
      </c>
      <c r="K62" t="s">
        <v>576</v>
      </c>
      <c r="M62" t="s">
        <v>695</v>
      </c>
      <c r="T62" t="s">
        <v>901</v>
      </c>
      <c r="AN62" t="s">
        <v>1538</v>
      </c>
    </row>
    <row r="63" spans="1:40" x14ac:dyDescent="0.4">
      <c r="A63" t="s">
        <v>61</v>
      </c>
      <c r="K63" t="s">
        <v>577</v>
      </c>
      <c r="M63" t="s">
        <v>696</v>
      </c>
      <c r="T63" t="s">
        <v>902</v>
      </c>
    </row>
    <row r="64" spans="1:40" x14ac:dyDescent="0.4">
      <c r="A64" t="s">
        <v>62</v>
      </c>
      <c r="K64" t="s">
        <v>578</v>
      </c>
      <c r="M64" t="s">
        <v>697</v>
      </c>
      <c r="T64" t="s">
        <v>903</v>
      </c>
    </row>
    <row r="65" spans="1:20" x14ac:dyDescent="0.4">
      <c r="A65" t="s">
        <v>63</v>
      </c>
      <c r="K65" t="s">
        <v>579</v>
      </c>
      <c r="T65" t="s">
        <v>904</v>
      </c>
    </row>
    <row r="66" spans="1:20" x14ac:dyDescent="0.4">
      <c r="A66" t="s">
        <v>64</v>
      </c>
      <c r="T66" t="s">
        <v>163</v>
      </c>
    </row>
    <row r="67" spans="1:20" x14ac:dyDescent="0.4">
      <c r="A67" t="s">
        <v>65</v>
      </c>
      <c r="T67" t="s">
        <v>905</v>
      </c>
    </row>
    <row r="68" spans="1:20" x14ac:dyDescent="0.4">
      <c r="A68" t="s">
        <v>66</v>
      </c>
      <c r="T68" t="s">
        <v>906</v>
      </c>
    </row>
    <row r="69" spans="1:20" x14ac:dyDescent="0.4">
      <c r="A69" t="s">
        <v>67</v>
      </c>
      <c r="T69" t="s">
        <v>907</v>
      </c>
    </row>
    <row r="70" spans="1:20" x14ac:dyDescent="0.4">
      <c r="A70" t="s">
        <v>68</v>
      </c>
      <c r="T70" t="s">
        <v>908</v>
      </c>
    </row>
    <row r="71" spans="1:20" x14ac:dyDescent="0.4">
      <c r="A71" t="s">
        <v>69</v>
      </c>
      <c r="T71" t="s">
        <v>909</v>
      </c>
    </row>
    <row r="72" spans="1:20" x14ac:dyDescent="0.4">
      <c r="A72" t="s">
        <v>70</v>
      </c>
      <c r="T72" t="s">
        <v>506</v>
      </c>
    </row>
    <row r="73" spans="1:20" x14ac:dyDescent="0.4">
      <c r="A73" t="s">
        <v>71</v>
      </c>
      <c r="T73" t="s">
        <v>910</v>
      </c>
    </row>
    <row r="74" spans="1:20" x14ac:dyDescent="0.4">
      <c r="A74" t="s">
        <v>72</v>
      </c>
      <c r="T74" t="s">
        <v>911</v>
      </c>
    </row>
    <row r="75" spans="1:20" x14ac:dyDescent="0.4">
      <c r="A75" t="s">
        <v>73</v>
      </c>
      <c r="T75" t="s">
        <v>912</v>
      </c>
    </row>
    <row r="76" spans="1:20" x14ac:dyDescent="0.4">
      <c r="A76" t="s">
        <v>74</v>
      </c>
      <c r="T76" t="s">
        <v>913</v>
      </c>
    </row>
    <row r="77" spans="1:20" x14ac:dyDescent="0.4">
      <c r="A77" t="s">
        <v>75</v>
      </c>
      <c r="T77" t="s">
        <v>914</v>
      </c>
    </row>
    <row r="78" spans="1:20" x14ac:dyDescent="0.4">
      <c r="A78" t="s">
        <v>76</v>
      </c>
      <c r="T78" t="s">
        <v>915</v>
      </c>
    </row>
    <row r="79" spans="1:20" x14ac:dyDescent="0.4">
      <c r="A79" t="s">
        <v>77</v>
      </c>
      <c r="T79" t="s">
        <v>916</v>
      </c>
    </row>
    <row r="80" spans="1:20" x14ac:dyDescent="0.4">
      <c r="A80" t="s">
        <v>78</v>
      </c>
    </row>
    <row r="81" spans="1:1" x14ac:dyDescent="0.4">
      <c r="A81" t="s">
        <v>79</v>
      </c>
    </row>
    <row r="82" spans="1:1" x14ac:dyDescent="0.4">
      <c r="A82" t="s">
        <v>80</v>
      </c>
    </row>
    <row r="83" spans="1:1" x14ac:dyDescent="0.4">
      <c r="A83" t="s">
        <v>81</v>
      </c>
    </row>
    <row r="84" spans="1:1" x14ac:dyDescent="0.4">
      <c r="A84" t="s">
        <v>82</v>
      </c>
    </row>
    <row r="85" spans="1:1" x14ac:dyDescent="0.4">
      <c r="A85" t="s">
        <v>83</v>
      </c>
    </row>
    <row r="86" spans="1:1" x14ac:dyDescent="0.4">
      <c r="A86" t="s">
        <v>84</v>
      </c>
    </row>
    <row r="87" spans="1:1" x14ac:dyDescent="0.4">
      <c r="A87" t="s">
        <v>85</v>
      </c>
    </row>
    <row r="88" spans="1:1" x14ac:dyDescent="0.4">
      <c r="A88" t="s">
        <v>86</v>
      </c>
    </row>
    <row r="89" spans="1:1" x14ac:dyDescent="0.4">
      <c r="A89" t="s">
        <v>87</v>
      </c>
    </row>
    <row r="90" spans="1:1" x14ac:dyDescent="0.4">
      <c r="A90" t="s">
        <v>88</v>
      </c>
    </row>
    <row r="91" spans="1:1" x14ac:dyDescent="0.4">
      <c r="A91" t="s">
        <v>89</v>
      </c>
    </row>
    <row r="92" spans="1:1" x14ac:dyDescent="0.4">
      <c r="A92" t="s">
        <v>90</v>
      </c>
    </row>
    <row r="93" spans="1:1" x14ac:dyDescent="0.4">
      <c r="A93" t="s">
        <v>91</v>
      </c>
    </row>
    <row r="94" spans="1:1" x14ac:dyDescent="0.4">
      <c r="A94" t="s">
        <v>92</v>
      </c>
    </row>
    <row r="95" spans="1:1" x14ac:dyDescent="0.4">
      <c r="A95" t="s">
        <v>93</v>
      </c>
    </row>
    <row r="96" spans="1:1" x14ac:dyDescent="0.4">
      <c r="A96" t="s">
        <v>94</v>
      </c>
    </row>
    <row r="97" spans="1:1" x14ac:dyDescent="0.4">
      <c r="A97" t="s">
        <v>95</v>
      </c>
    </row>
    <row r="98" spans="1:1" x14ac:dyDescent="0.4">
      <c r="A98" t="s">
        <v>96</v>
      </c>
    </row>
    <row r="99" spans="1:1" x14ac:dyDescent="0.4">
      <c r="A99" t="s">
        <v>97</v>
      </c>
    </row>
    <row r="100" spans="1:1" x14ac:dyDescent="0.4">
      <c r="A100" t="s">
        <v>98</v>
      </c>
    </row>
    <row r="101" spans="1:1" x14ac:dyDescent="0.4">
      <c r="A101" t="s">
        <v>99</v>
      </c>
    </row>
    <row r="102" spans="1:1" x14ac:dyDescent="0.4">
      <c r="A102" t="s">
        <v>100</v>
      </c>
    </row>
    <row r="103" spans="1:1" x14ac:dyDescent="0.4">
      <c r="A103" t="s">
        <v>101</v>
      </c>
    </row>
    <row r="104" spans="1:1" x14ac:dyDescent="0.4">
      <c r="A104" t="s">
        <v>102</v>
      </c>
    </row>
    <row r="105" spans="1:1" x14ac:dyDescent="0.4">
      <c r="A105" t="s">
        <v>103</v>
      </c>
    </row>
    <row r="106" spans="1:1" x14ac:dyDescent="0.4">
      <c r="A106" t="s">
        <v>104</v>
      </c>
    </row>
    <row r="107" spans="1:1" x14ac:dyDescent="0.4">
      <c r="A107" t="s">
        <v>105</v>
      </c>
    </row>
    <row r="108" spans="1:1" x14ac:dyDescent="0.4">
      <c r="A108" t="s">
        <v>106</v>
      </c>
    </row>
    <row r="109" spans="1:1" x14ac:dyDescent="0.4">
      <c r="A109" t="s">
        <v>107</v>
      </c>
    </row>
    <row r="110" spans="1:1" x14ac:dyDescent="0.4">
      <c r="A110" t="s">
        <v>108</v>
      </c>
    </row>
    <row r="111" spans="1:1" x14ac:dyDescent="0.4">
      <c r="A111" t="s">
        <v>109</v>
      </c>
    </row>
    <row r="112" spans="1:1" x14ac:dyDescent="0.4">
      <c r="A112" t="s">
        <v>110</v>
      </c>
    </row>
    <row r="113" spans="1:1" x14ac:dyDescent="0.4">
      <c r="A113" t="s">
        <v>111</v>
      </c>
    </row>
    <row r="114" spans="1:1" x14ac:dyDescent="0.4">
      <c r="A114" t="s">
        <v>112</v>
      </c>
    </row>
    <row r="115" spans="1:1" x14ac:dyDescent="0.4">
      <c r="A115" t="s">
        <v>113</v>
      </c>
    </row>
    <row r="116" spans="1:1" x14ac:dyDescent="0.4">
      <c r="A116" t="s">
        <v>114</v>
      </c>
    </row>
    <row r="117" spans="1:1" x14ac:dyDescent="0.4">
      <c r="A117" t="s">
        <v>115</v>
      </c>
    </row>
    <row r="118" spans="1:1" x14ac:dyDescent="0.4">
      <c r="A118" t="s">
        <v>116</v>
      </c>
    </row>
    <row r="119" spans="1:1" x14ac:dyDescent="0.4">
      <c r="A119" t="s">
        <v>117</v>
      </c>
    </row>
    <row r="120" spans="1:1" x14ac:dyDescent="0.4">
      <c r="A120" t="s">
        <v>118</v>
      </c>
    </row>
    <row r="121" spans="1:1" x14ac:dyDescent="0.4">
      <c r="A121" t="s">
        <v>119</v>
      </c>
    </row>
    <row r="122" spans="1:1" x14ac:dyDescent="0.4">
      <c r="A122" t="s">
        <v>120</v>
      </c>
    </row>
    <row r="123" spans="1:1" x14ac:dyDescent="0.4">
      <c r="A123" t="s">
        <v>121</v>
      </c>
    </row>
    <row r="124" spans="1:1" x14ac:dyDescent="0.4">
      <c r="A124" t="s">
        <v>122</v>
      </c>
    </row>
    <row r="125" spans="1:1" x14ac:dyDescent="0.4">
      <c r="A125" t="s">
        <v>123</v>
      </c>
    </row>
    <row r="126" spans="1:1" x14ac:dyDescent="0.4">
      <c r="A126" t="s">
        <v>124</v>
      </c>
    </row>
    <row r="127" spans="1:1" x14ac:dyDescent="0.4">
      <c r="A127" t="s">
        <v>125</v>
      </c>
    </row>
    <row r="128" spans="1:1" x14ac:dyDescent="0.4">
      <c r="A128" t="s">
        <v>126</v>
      </c>
    </row>
    <row r="129" spans="1:1" x14ac:dyDescent="0.4">
      <c r="A129" t="s">
        <v>127</v>
      </c>
    </row>
    <row r="130" spans="1:1" x14ac:dyDescent="0.4">
      <c r="A130" t="s">
        <v>128</v>
      </c>
    </row>
    <row r="131" spans="1:1" x14ac:dyDescent="0.4">
      <c r="A131" t="s">
        <v>129</v>
      </c>
    </row>
    <row r="132" spans="1:1" x14ac:dyDescent="0.4">
      <c r="A132" t="s">
        <v>130</v>
      </c>
    </row>
    <row r="133" spans="1:1" x14ac:dyDescent="0.4">
      <c r="A133" t="s">
        <v>131</v>
      </c>
    </row>
    <row r="134" spans="1:1" x14ac:dyDescent="0.4">
      <c r="A134" t="s">
        <v>132</v>
      </c>
    </row>
    <row r="135" spans="1:1" x14ac:dyDescent="0.4">
      <c r="A135" t="s">
        <v>133</v>
      </c>
    </row>
    <row r="136" spans="1:1" x14ac:dyDescent="0.4">
      <c r="A136" t="s">
        <v>134</v>
      </c>
    </row>
    <row r="137" spans="1:1" x14ac:dyDescent="0.4">
      <c r="A137" t="s">
        <v>135</v>
      </c>
    </row>
    <row r="138" spans="1:1" x14ac:dyDescent="0.4">
      <c r="A138" t="s">
        <v>136</v>
      </c>
    </row>
    <row r="139" spans="1:1" x14ac:dyDescent="0.4">
      <c r="A139" t="s">
        <v>137</v>
      </c>
    </row>
    <row r="140" spans="1:1" x14ac:dyDescent="0.4">
      <c r="A140" t="s">
        <v>138</v>
      </c>
    </row>
    <row r="141" spans="1:1" x14ac:dyDescent="0.4">
      <c r="A141" t="s">
        <v>139</v>
      </c>
    </row>
    <row r="142" spans="1:1" x14ac:dyDescent="0.4">
      <c r="A142" t="s">
        <v>140</v>
      </c>
    </row>
    <row r="143" spans="1:1" x14ac:dyDescent="0.4">
      <c r="A143" t="s">
        <v>141</v>
      </c>
    </row>
    <row r="144" spans="1:1" x14ac:dyDescent="0.4">
      <c r="A144" t="s">
        <v>142</v>
      </c>
    </row>
    <row r="145" spans="1:1" x14ac:dyDescent="0.4">
      <c r="A145" t="s">
        <v>143</v>
      </c>
    </row>
    <row r="146" spans="1:1" x14ac:dyDescent="0.4">
      <c r="A146" t="s">
        <v>144</v>
      </c>
    </row>
    <row r="147" spans="1:1" x14ac:dyDescent="0.4">
      <c r="A147" t="s">
        <v>145</v>
      </c>
    </row>
    <row r="148" spans="1:1" x14ac:dyDescent="0.4">
      <c r="A148" t="s">
        <v>146</v>
      </c>
    </row>
    <row r="149" spans="1:1" x14ac:dyDescent="0.4">
      <c r="A149" t="s">
        <v>147</v>
      </c>
    </row>
    <row r="150" spans="1:1" x14ac:dyDescent="0.4">
      <c r="A150" t="s">
        <v>148</v>
      </c>
    </row>
    <row r="151" spans="1:1" x14ac:dyDescent="0.4">
      <c r="A151" t="s">
        <v>149</v>
      </c>
    </row>
    <row r="152" spans="1:1" x14ac:dyDescent="0.4">
      <c r="A152" t="s">
        <v>150</v>
      </c>
    </row>
    <row r="153" spans="1:1" x14ac:dyDescent="0.4">
      <c r="A153" t="s">
        <v>151</v>
      </c>
    </row>
    <row r="154" spans="1:1" x14ac:dyDescent="0.4">
      <c r="A154" t="s">
        <v>152</v>
      </c>
    </row>
    <row r="155" spans="1:1" x14ac:dyDescent="0.4">
      <c r="A155" t="s">
        <v>153</v>
      </c>
    </row>
    <row r="156" spans="1:1" x14ac:dyDescent="0.4">
      <c r="A156" t="s">
        <v>154</v>
      </c>
    </row>
    <row r="157" spans="1:1" x14ac:dyDescent="0.4">
      <c r="A157" t="s">
        <v>155</v>
      </c>
    </row>
    <row r="158" spans="1:1" x14ac:dyDescent="0.4">
      <c r="A158" t="s">
        <v>156</v>
      </c>
    </row>
    <row r="159" spans="1:1" x14ac:dyDescent="0.4">
      <c r="A159" t="s">
        <v>157</v>
      </c>
    </row>
    <row r="160" spans="1:1" x14ac:dyDescent="0.4">
      <c r="A160" t="s">
        <v>158</v>
      </c>
    </row>
    <row r="161" spans="1:1" x14ac:dyDescent="0.4">
      <c r="A161" t="s">
        <v>159</v>
      </c>
    </row>
    <row r="162" spans="1:1" x14ac:dyDescent="0.4">
      <c r="A162" t="s">
        <v>160</v>
      </c>
    </row>
    <row r="163" spans="1:1" x14ac:dyDescent="0.4">
      <c r="A163" t="s">
        <v>161</v>
      </c>
    </row>
    <row r="164" spans="1:1" x14ac:dyDescent="0.4">
      <c r="A164" t="s">
        <v>162</v>
      </c>
    </row>
    <row r="165" spans="1:1" x14ac:dyDescent="0.4">
      <c r="A165" t="s">
        <v>163</v>
      </c>
    </row>
    <row r="166" spans="1:1" x14ac:dyDescent="0.4">
      <c r="A166" t="s">
        <v>164</v>
      </c>
    </row>
    <row r="167" spans="1:1" x14ac:dyDescent="0.4">
      <c r="A167" t="s">
        <v>165</v>
      </c>
    </row>
    <row r="168" spans="1:1" x14ac:dyDescent="0.4">
      <c r="A168" t="s">
        <v>166</v>
      </c>
    </row>
    <row r="169" spans="1:1" x14ac:dyDescent="0.4">
      <c r="A169" t="s">
        <v>167</v>
      </c>
    </row>
    <row r="170" spans="1:1" x14ac:dyDescent="0.4">
      <c r="A170" t="s">
        <v>168</v>
      </c>
    </row>
    <row r="171" spans="1:1" x14ac:dyDescent="0.4">
      <c r="A171" t="s">
        <v>169</v>
      </c>
    </row>
    <row r="172" spans="1:1" x14ac:dyDescent="0.4">
      <c r="A172" t="s">
        <v>170</v>
      </c>
    </row>
    <row r="173" spans="1:1" x14ac:dyDescent="0.4">
      <c r="A173" t="s">
        <v>171</v>
      </c>
    </row>
    <row r="174" spans="1:1" x14ac:dyDescent="0.4">
      <c r="A174" t="s">
        <v>172</v>
      </c>
    </row>
    <row r="175" spans="1:1" x14ac:dyDescent="0.4">
      <c r="A175" t="s">
        <v>173</v>
      </c>
    </row>
    <row r="176" spans="1:1" x14ac:dyDescent="0.4">
      <c r="A176" t="s">
        <v>174</v>
      </c>
    </row>
    <row r="177" spans="1:1" x14ac:dyDescent="0.4">
      <c r="A177" t="s">
        <v>175</v>
      </c>
    </row>
    <row r="178" spans="1:1" x14ac:dyDescent="0.4">
      <c r="A178" t="s">
        <v>176</v>
      </c>
    </row>
    <row r="179" spans="1:1" x14ac:dyDescent="0.4">
      <c r="A179" t="s">
        <v>177</v>
      </c>
    </row>
    <row r="180" spans="1:1" x14ac:dyDescent="0.4">
      <c r="A180" t="s">
        <v>178</v>
      </c>
    </row>
    <row r="181" spans="1:1" x14ac:dyDescent="0.4">
      <c r="A181" t="s">
        <v>179</v>
      </c>
    </row>
  </sheetData>
  <phoneticPr fontId="2"/>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58FCD01998EAC346ADA0BFDD4BA1FA2F" ma:contentTypeVersion="7" ma:contentTypeDescription="新しいドキュメントを作成します。" ma:contentTypeScope="" ma:versionID="e8929d27f49bc1cf6ead4ce91fba71bd">
  <xsd:schema xmlns:xsd="http://www.w3.org/2001/XMLSchema" xmlns:xs="http://www.w3.org/2001/XMLSchema" xmlns:p="http://schemas.microsoft.com/office/2006/metadata/properties" xmlns:ns2="fcabebe3-82df-4691-9f30-e598579f127d" targetNamespace="http://schemas.microsoft.com/office/2006/metadata/properties" ma:root="true" ma:fieldsID="9e27804e4eb411f8609235b0230578c5" ns2:_="">
    <xsd:import namespace="fcabebe3-82df-4691-9f30-e598579f127d"/>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cabebe3-82df-4691-9f30-e598579f127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2193590-9E76-4D0E-92BB-0C289BB63AB3}">
  <ds:schemaRefs>
    <ds:schemaRef ds:uri="http://purl.org/dc/elements/1.1/"/>
    <ds:schemaRef ds:uri="http://schemas.microsoft.com/office/2006/metadata/properties"/>
    <ds:schemaRef ds:uri="http://purl.org/dc/terms/"/>
    <ds:schemaRef ds:uri="http://schemas.microsoft.com/office/2006/documentManagement/types"/>
    <ds:schemaRef ds:uri="http://purl.org/dc/dcmitype/"/>
    <ds:schemaRef ds:uri="http://schemas.microsoft.com/office/infopath/2007/PartnerControls"/>
    <ds:schemaRef ds:uri="http://schemas.openxmlformats.org/package/2006/metadata/core-properties"/>
    <ds:schemaRef ds:uri="fcabebe3-82df-4691-9f30-e598579f127d"/>
    <ds:schemaRef ds:uri="http://www.w3.org/XML/1998/namespace"/>
  </ds:schemaRefs>
</ds:datastoreItem>
</file>

<file path=customXml/itemProps2.xml><?xml version="1.0" encoding="utf-8"?>
<ds:datastoreItem xmlns:ds="http://schemas.openxmlformats.org/officeDocument/2006/customXml" ds:itemID="{6B46DF72-BD21-4C01-BB19-1BF279D7E78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cabebe3-82df-4691-9f30-e598579f127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EE31674-0E78-4DCF-8109-9A2D849EDF2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52</vt:i4>
      </vt:variant>
    </vt:vector>
  </HeadingPairs>
  <TitlesOfParts>
    <vt:vector size="56" baseType="lpstr">
      <vt:lpstr>接種確認リスト【入所・居住者】</vt:lpstr>
      <vt:lpstr>記入例</vt:lpstr>
      <vt:lpstr>団体コード</vt:lpstr>
      <vt:lpstr>都道府県リスト</vt:lpstr>
      <vt:lpstr>記入例!Print_Area</vt:lpstr>
      <vt:lpstr>接種確認リスト【入所・居住者】!Print_Area</vt:lpstr>
      <vt:lpstr>記入例!Print_Titles</vt:lpstr>
      <vt:lpstr>接種確認リスト【入所・居住者】!Print_Titles</vt:lpstr>
      <vt:lpstr>愛知県</vt:lpstr>
      <vt:lpstr>愛媛県</vt:lpstr>
      <vt:lpstr>茨城県</vt:lpstr>
      <vt:lpstr>岡山県</vt:lpstr>
      <vt:lpstr>沖縄県</vt:lpstr>
      <vt:lpstr>岩手県</vt:lpstr>
      <vt:lpstr>岐阜県</vt:lpstr>
      <vt:lpstr>宮崎県</vt:lpstr>
      <vt:lpstr>宮城県</vt:lpstr>
      <vt:lpstr>京都府</vt:lpstr>
      <vt:lpstr>熊本県</vt:lpstr>
      <vt:lpstr>群馬県</vt:lpstr>
      <vt:lpstr>広島県</vt:lpstr>
      <vt:lpstr>香川県</vt:lpstr>
      <vt:lpstr>高知県</vt:lpstr>
      <vt:lpstr>佐賀県</vt:lpstr>
      <vt:lpstr>埼玉県</vt:lpstr>
      <vt:lpstr>三重県</vt:lpstr>
      <vt:lpstr>山形県</vt:lpstr>
      <vt:lpstr>山口県</vt:lpstr>
      <vt:lpstr>山梨県</vt:lpstr>
      <vt:lpstr>滋賀県</vt:lpstr>
      <vt:lpstr>鹿児島県</vt:lpstr>
      <vt:lpstr>秋田県</vt:lpstr>
      <vt:lpstr>新潟県</vt:lpstr>
      <vt:lpstr>神奈川県</vt:lpstr>
      <vt:lpstr>青森県</vt:lpstr>
      <vt:lpstr>静岡県</vt:lpstr>
      <vt:lpstr>石川県</vt:lpstr>
      <vt:lpstr>千葉県</vt:lpstr>
      <vt:lpstr>大阪府</vt:lpstr>
      <vt:lpstr>大分県</vt:lpstr>
      <vt:lpstr>長崎県</vt:lpstr>
      <vt:lpstr>長野県</vt:lpstr>
      <vt:lpstr>鳥取県</vt:lpstr>
      <vt:lpstr>都道府県</vt:lpstr>
      <vt:lpstr>島根県</vt:lpstr>
      <vt:lpstr>東京都</vt:lpstr>
      <vt:lpstr>徳島県</vt:lpstr>
      <vt:lpstr>栃木県</vt:lpstr>
      <vt:lpstr>奈良県</vt:lpstr>
      <vt:lpstr>富山県</vt:lpstr>
      <vt:lpstr>福井県</vt:lpstr>
      <vt:lpstr>福岡県</vt:lpstr>
      <vt:lpstr>福島県</vt:lpstr>
      <vt:lpstr>兵庫県</vt:lpstr>
      <vt:lpstr>北海道</vt:lpstr>
      <vt:lpstr>和歌山県</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宮川　清文</cp:lastModifiedBy>
  <dcterms:modified xsi:type="dcterms:W3CDTF">2021-04-23T08:37:0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8FCD01998EAC346ADA0BFDD4BA1FA2F</vt:lpwstr>
  </property>
</Properties>
</file>